
<file path=[Content_Types].xml><?xml version="1.0" encoding="utf-8"?>
<Types xmlns="http://schemas.openxmlformats.org/package/2006/content-types"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Default Extension="bin" ContentType="application/vnd.openxmlformats-officedocument.spreadsheetml.printerSettings"/>
  <Default Extension="png" ContentType="image/png"/>
  <Override PartName="/xl/drawings/drawing9.xml" ContentType="application/vnd.openxmlformats-officedocument.drawing+xml"/>
  <Override PartName="/xl/worksheets/sheet9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drawings/drawing6.xml" ContentType="application/vnd.openxmlformats-officedocument.drawing+xml"/>
  <Override PartName="/xl/drawings/drawing7.xml" ContentType="application/vnd.openxmlformats-officedocument.drawing+xml"/>
  <Override PartName="/xl/drawings/drawing8.xml" ContentType="application/vnd.openxmlformats-officedocument.drawing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Default Extension="jpeg" ContentType="image/jpeg"/>
  <Override PartName="/xl/drawings/drawing4.xml" ContentType="application/vnd.openxmlformats-officedocument.drawing+xml"/>
  <Override PartName="/xl/drawings/drawing5.xml" ContentType="application/vnd.openxmlformats-officedocument.drawing+xml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10.xml" ContentType="application/vnd.openxmlformats-officedocument.spreadsheetml.worksheet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15.xml" ContentType="application/vnd.openxmlformats-officedocument.drawing+xml"/>
  <Override PartName="/xl/drawings/drawing16.xml" ContentType="application/vnd.openxmlformats-officedocument.drawing+xml"/>
  <Override PartName="/docProps/app.xml" ContentType="application/vnd.openxmlformats-officedocument.extended-properties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drawings/drawing1.xml" ContentType="application/vnd.openxmlformats-officedocument.drawing+xml"/>
  <Override PartName="/xl/drawings/drawing13.xml" ContentType="application/vnd.openxmlformats-officedocument.drawing+xml"/>
  <Override PartName="/xl/drawings/drawing14.xml" ContentType="application/vnd.openxmlformats-officedocument.drawing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Default Extension="vml" ContentType="application/vnd.openxmlformats-officedocument.vmlDrawing"/>
  <Override PartName="/xl/comments1.xml" ContentType="application/vnd.openxmlformats-officedocument.spreadsheetml.comments+xml"/>
  <Override PartName="/xl/drawings/drawing11.xml" ContentType="application/vnd.openxmlformats-officedocument.drawing+xml"/>
  <Override PartName="/xl/drawings/drawing12.xml" ContentType="application/vnd.openxmlformats-officedocument.drawing+xml"/>
  <Override PartName="/xl/sharedStrings.xml" ContentType="application/vnd.openxmlformats-officedocument.spreadsheetml.sharedStrings+xml"/>
  <Override PartName="/xl/drawings/drawing10.xml" ContentType="application/vnd.openxmlformats-officedocument.drawing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4" lowestEdited="4" rupBuild="4507"/>
  <workbookPr defaultThemeVersion="124226"/>
  <bookViews>
    <workbookView xWindow="240" yWindow="45" windowWidth="20115" windowHeight="7995" tabRatio="911"/>
  </bookViews>
  <sheets>
    <sheet name="CAPA" sheetId="15" r:id="rId1"/>
    <sheet name="SUMÁRIO" sheetId="16" r:id="rId2"/>
    <sheet name="INVESTIMENTO" sheetId="1" r:id="rId3"/>
    <sheet name="MINI" sheetId="2" r:id="rId4"/>
    <sheet name="MIDI" sheetId="3" r:id="rId5"/>
    <sheet name="BÁSICO" sheetId="4" r:id="rId6"/>
    <sheet name="PADRON" sheetId="5" r:id="rId7"/>
    <sheet name="PADRON 15m" sheetId="6" r:id="rId8"/>
    <sheet name="ARTICULADO" sheetId="7" r:id="rId9"/>
    <sheet name="ARTICULADO 21" sheetId="8" r:id="rId10"/>
    <sheet name="ARTICULADO 23" sheetId="9" r:id="rId11"/>
    <sheet name="BIARTICULADO" sheetId="10" r:id="rId12"/>
    <sheet name="TROLEBUS" sheetId="11" r:id="rId13"/>
    <sheet name="TROLEBUS 15M" sheetId="12" r:id="rId14"/>
    <sheet name="TROLEBUS 15M BATERIA" sheetId="13" r:id="rId15"/>
    <sheet name="AUXILIAR FLUXO DE CAIXA" sheetId="14" r:id="rId16"/>
  </sheets>
  <externalReferences>
    <externalReference r:id="rId17"/>
    <externalReference r:id="rId18"/>
    <externalReference r:id="rId19"/>
  </externalReferences>
  <definedNames>
    <definedName name="_xlnm._FilterDatabase" localSheetId="15" hidden="1">'AUXILIAR FLUXO DE CAIXA'!$B$21:$B$28</definedName>
    <definedName name="_xlnm.Print_Area" localSheetId="8">ARTICULADO!$A$1:$V$88</definedName>
    <definedName name="_xlnm.Print_Area" localSheetId="9">'ARTICULADO 21'!$A$1:$V$88</definedName>
    <definedName name="_xlnm.Print_Area" localSheetId="10">'ARTICULADO 23'!$A$1:$V$88</definedName>
    <definedName name="_xlnm.Print_Area" localSheetId="15">'AUXILIAR FLUXO DE CAIXA'!$A$1:$M$88</definedName>
    <definedName name="_xlnm.Print_Area" localSheetId="5">BÁSICO!$A$1:$V$88</definedName>
    <definedName name="_xlnm.Print_Area" localSheetId="11">BIARTICULADO!$A$1:$V$88</definedName>
    <definedName name="_xlnm.Print_Area" localSheetId="2">INVESTIMENTO!$A$1:$W$251</definedName>
    <definedName name="_xlnm.Print_Area" localSheetId="4">MIDI!$A$1:$V$88</definedName>
    <definedName name="_xlnm.Print_Area" localSheetId="3">MINI!$A$1:$V$88</definedName>
    <definedName name="_xlnm.Print_Area" localSheetId="6">PADRON!$A$1:$V$88</definedName>
    <definedName name="_xlnm.Print_Area" localSheetId="7">'PADRON 15m'!$A$1:$V$88</definedName>
    <definedName name="_xlnm.Print_Area" localSheetId="1">SUMÁRIO!$A$1:$J$46</definedName>
    <definedName name="_xlnm.Print_Area" localSheetId="12">TROLEBUS!$A$1:$W$88</definedName>
    <definedName name="_xlnm.Print_Area" localSheetId="13">'TROLEBUS 15M'!$A$1:$V$88</definedName>
    <definedName name="_xlnm.Print_Area" localSheetId="14">'TROLEBUS 15M BATERIA'!$A$1:$V$88</definedName>
    <definedName name="infotrans?">'[1]Quadro 1 - final'!$C$1</definedName>
    <definedName name="TIRMETA" localSheetId="0">[2]OPÇÕES!$B$26</definedName>
    <definedName name="TIRMETA">[3]OPÇÕES!$B$26</definedName>
    <definedName name="_xlnm.Print_Titles" localSheetId="8">ARTICULADO!$A:$A</definedName>
    <definedName name="_xlnm.Print_Titles" localSheetId="9">'ARTICULADO 21'!$A:$A</definedName>
    <definedName name="_xlnm.Print_Titles" localSheetId="10">'ARTICULADO 23'!$A:$A</definedName>
    <definedName name="_xlnm.Print_Titles" localSheetId="5">BÁSICO!$A:$A</definedName>
    <definedName name="_xlnm.Print_Titles" localSheetId="11">BIARTICULADO!$A:$A</definedName>
    <definedName name="_xlnm.Print_Titles" localSheetId="4">MIDI!$A:$A</definedName>
    <definedName name="_xlnm.Print_Titles" localSheetId="3">MINI!$A:$A</definedName>
    <definedName name="_xlnm.Print_Titles" localSheetId="6">PADRON!$A:$A</definedName>
    <definedName name="_xlnm.Print_Titles" localSheetId="7">'PADRON 15m'!$A:$A</definedName>
  </definedNames>
  <calcPr calcId="125725"/>
</workbook>
</file>

<file path=xl/comments1.xml><?xml version="1.0" encoding="utf-8"?>
<comments xmlns="http://schemas.openxmlformats.org/spreadsheetml/2006/main">
  <authors>
    <author>S</author>
  </authors>
  <commentList>
    <comment ref="F186" authorId="0">
      <text>
        <r>
          <rPr>
            <b/>
            <sz val="7"/>
            <color indexed="81"/>
            <rFont val="Tahoma"/>
            <family val="2"/>
          </rPr>
          <t>Frota ainda não depreciada representa 75% do investimento inicial</t>
        </r>
      </text>
    </comment>
  </commentList>
</comments>
</file>

<file path=xl/sharedStrings.xml><?xml version="1.0" encoding="utf-8"?>
<sst xmlns="http://schemas.openxmlformats.org/spreadsheetml/2006/main" count="1242" uniqueCount="179">
  <si>
    <t>VEÍCULOS</t>
  </si>
  <si>
    <t>% RESIDUAL</t>
  </si>
  <si>
    <t>ANO 0</t>
  </si>
  <si>
    <t>ANO 1</t>
  </si>
  <si>
    <t>ANO 2</t>
  </si>
  <si>
    <t>ANO 3</t>
  </si>
  <si>
    <t>ANO 4</t>
  </si>
  <si>
    <t>ANO 5</t>
  </si>
  <si>
    <t>ANO 6</t>
  </si>
  <si>
    <t>ANO 7</t>
  </si>
  <si>
    <t>ANO 8</t>
  </si>
  <si>
    <t>ANO 9</t>
  </si>
  <si>
    <t>ANO 10</t>
  </si>
  <si>
    <t>ANO 11</t>
  </si>
  <si>
    <t>ANO 12</t>
  </si>
  <si>
    <t>ANO 13</t>
  </si>
  <si>
    <t>ANO 14</t>
  </si>
  <si>
    <t>ANO 15</t>
  </si>
  <si>
    <t>ANO 16</t>
  </si>
  <si>
    <t>ANO 17</t>
  </si>
  <si>
    <t>ANO 18</t>
  </si>
  <si>
    <t>ANO 19</t>
  </si>
  <si>
    <t>ANO 20</t>
  </si>
  <si>
    <t>ZERO KM</t>
  </si>
  <si>
    <t>1 ANO</t>
  </si>
  <si>
    <t>2 ANO</t>
  </si>
  <si>
    <t>3 ANO</t>
  </si>
  <si>
    <t>4 ANO</t>
  </si>
  <si>
    <t>5 ANO</t>
  </si>
  <si>
    <t>6 ANO</t>
  </si>
  <si>
    <t>7 ANO</t>
  </si>
  <si>
    <t>8 ANO</t>
  </si>
  <si>
    <t>9 ANO</t>
  </si>
  <si>
    <t>10 ANO</t>
  </si>
  <si>
    <t>TOTAL</t>
  </si>
  <si>
    <t>VIDA ÚTIL 7 ANOS</t>
  </si>
  <si>
    <t>% DO VEÍCULO NOVO</t>
  </si>
  <si>
    <t>QUANTIDADE</t>
  </si>
  <si>
    <t>VIDA ÚTIL 10 ANOS</t>
  </si>
  <si>
    <t>10 ANOS - INVESTIMENTO ANTECIPADO</t>
  </si>
  <si>
    <t>VIDA ÚTIL 10 ANOS A</t>
  </si>
  <si>
    <t>TIPOLOGIA</t>
  </si>
  <si>
    <t>PREÇO 
VEÍCULO R$</t>
  </si>
  <si>
    <t>VIDA ÚTIL</t>
  </si>
  <si>
    <t>% RESERVA
 TÉCNICA</t>
  </si>
  <si>
    <t>Midiônibus</t>
  </si>
  <si>
    <t>Miniônibus</t>
  </si>
  <si>
    <t>Básico</t>
  </si>
  <si>
    <t>Padron</t>
  </si>
  <si>
    <t>Padron 15M</t>
  </si>
  <si>
    <t>Articulado</t>
  </si>
  <si>
    <t>Articulado 21M</t>
  </si>
  <si>
    <t>10A</t>
  </si>
  <si>
    <t>Articulado 23M</t>
  </si>
  <si>
    <t>Biarticulado II</t>
  </si>
  <si>
    <t>MINIÔNIBUS</t>
  </si>
  <si>
    <t>FROTA CONSIDERADA</t>
  </si>
  <si>
    <t>TIR</t>
  </si>
  <si>
    <t>RECEITA POR VEÍCULO - R$/mês</t>
  </si>
  <si>
    <t>CUSTOS POR VEÍCULO - R$/mês</t>
  </si>
  <si>
    <t>CUSTOS VARIÁVEIS - R$/mês</t>
  </si>
  <si>
    <t>CUSTOS FIXOS - R$/mês</t>
  </si>
  <si>
    <t>ACRÉSCIMO CUSTO AR CONDICIONADO-R$/ano</t>
  </si>
  <si>
    <t>R$/ano</t>
  </si>
  <si>
    <t>1. RECEITA</t>
  </si>
  <si>
    <t>2. IMPOSTOS SOBRE RECEITA</t>
  </si>
  <si>
    <t>3. RECEITA LÍQUIDA (1 - 2)</t>
  </si>
  <si>
    <t>4. CUSTOS</t>
  </si>
  <si>
    <t>5. DEPRECIAÇÃO</t>
  </si>
  <si>
    <t>6. RESULTADO ANTES DO IR (3- 4 - 5)</t>
  </si>
  <si>
    <t>7. IMPOSTO DE RENDA E CSSL</t>
  </si>
  <si>
    <t>8. RESULTADO DEPOIS DO IR (6-7)</t>
  </si>
  <si>
    <t>9.DEPRECIAÇÃO (5)</t>
  </si>
  <si>
    <t>10. FLUXO OPERACIONAL (8+9)</t>
  </si>
  <si>
    <t>11. INVESTIMENTO (11.1+11.2+11.3+11.4)</t>
  </si>
  <si>
    <t>11.1 FROTA</t>
  </si>
  <si>
    <t>11.2 EQUIPAMENTOS EMBARCADOS</t>
  </si>
  <si>
    <t>11.3 INSTALAÇÕES</t>
  </si>
  <si>
    <t>11.4 CAPITAL DE GIRO</t>
  </si>
  <si>
    <t>12. VENDA DE ATIVOS</t>
  </si>
  <si>
    <t>FROTA</t>
  </si>
  <si>
    <t>INSTALAÇÕES</t>
  </si>
  <si>
    <t>13. FLUXO DE CAIXA (10 - 11 + 12)</t>
  </si>
  <si>
    <t>DEPRECIAÇÃO TOTAL</t>
  </si>
  <si>
    <t>DEPRECIAÇÃO VEICULOS</t>
  </si>
  <si>
    <t>DEPRECIAÇÃO INSTALAÇÃO</t>
  </si>
  <si>
    <t>DEPRECIAÇÃO EQUIP embarcados</t>
  </si>
  <si>
    <t>MIDIÔNIBUS</t>
  </si>
  <si>
    <t>BÁSICO</t>
  </si>
  <si>
    <t>PADRON</t>
  </si>
  <si>
    <t>PADRON 15 METROS</t>
  </si>
  <si>
    <t>ARTICULADO</t>
  </si>
  <si>
    <t>ARTICULADO 23 METROS</t>
  </si>
  <si>
    <t>BIARTICULADO</t>
  </si>
  <si>
    <t>TRÓLEBUS</t>
  </si>
  <si>
    <t>DEMONSTRATIVO DOS CUSTOS E PARÂMETROS OPERACIONAIS POR TIPOLOGIA UTILIZADOS NO FLUXO DE CAIXA</t>
  </si>
  <si>
    <t>TIPO DE VEÍCULO</t>
  </si>
  <si>
    <t>Padron 15m</t>
  </si>
  <si>
    <t>Trolebus 13 m</t>
  </si>
  <si>
    <t>Trolebus 15 m</t>
  </si>
  <si>
    <t>Trolebus 15 m 
com bateria</t>
  </si>
  <si>
    <t>Dados Operacionais</t>
  </si>
  <si>
    <t>Lugares - 5 pass/m²</t>
  </si>
  <si>
    <t>Lugares - 6 pass/m²</t>
  </si>
  <si>
    <t>Percurso Médio Mensal - Km/mês</t>
  </si>
  <si>
    <t>% km ociosa</t>
  </si>
  <si>
    <t>PMM c/ ociosa</t>
  </si>
  <si>
    <t>Preço do Veículo</t>
  </si>
  <si>
    <t>Preço pneu</t>
  </si>
  <si>
    <t>Preço câmara</t>
  </si>
  <si>
    <t>Qtdade pneus</t>
  </si>
  <si>
    <t>Preço do veículo sem pneus</t>
  </si>
  <si>
    <t>Idade Média</t>
  </si>
  <si>
    <t>Valor residual</t>
  </si>
  <si>
    <t>Vida útil (em anos)</t>
  </si>
  <si>
    <t>% Remuneração de capital ao ano</t>
  </si>
  <si>
    <t xml:space="preserve">       Consumo l/ km</t>
  </si>
  <si>
    <t xml:space="preserve">       Diesel R$ / l</t>
  </si>
  <si>
    <t>Diesel por km</t>
  </si>
  <si>
    <t>Lubrificante/km</t>
  </si>
  <si>
    <t>Rodagem/km</t>
  </si>
  <si>
    <t>Custo Variável / km</t>
  </si>
  <si>
    <t>Dados de Custo - em R$ / mês</t>
  </si>
  <si>
    <t>CV / Veículo</t>
  </si>
  <si>
    <t xml:space="preserve">Diesel </t>
  </si>
  <si>
    <t>Lubrificante</t>
  </si>
  <si>
    <t>Rodagem</t>
  </si>
  <si>
    <t>aluguel da garagem</t>
  </si>
  <si>
    <t>Custos Ambientais</t>
  </si>
  <si>
    <t>Peças e Acessórios</t>
  </si>
  <si>
    <t>Pessoal</t>
  </si>
  <si>
    <t>Despesas administrativas</t>
  </si>
  <si>
    <t>Sub Total</t>
  </si>
  <si>
    <t>MEMÓRIA DE CÁLCULO</t>
  </si>
  <si>
    <t>ANEXO 4.5</t>
  </si>
  <si>
    <t>FLUXOS DE CAIXA POR VEÍCULO OPERACIONAL SEM AR CONDICIONADO</t>
  </si>
  <si>
    <t>SUMÁRIO</t>
  </si>
  <si>
    <t>Página</t>
  </si>
  <si>
    <t>INVESTIMENTO</t>
  </si>
  <si>
    <t>ARTICULADO 21 METROS</t>
  </si>
  <si>
    <t>TRÓLEBUS 15 METROS</t>
  </si>
  <si>
    <t>TRÓLEBUS 15 METROS COM BATERIA</t>
  </si>
  <si>
    <t>Frota com 7 Anos de Vida Útil</t>
  </si>
  <si>
    <t>Valor Residual Final</t>
  </si>
  <si>
    <t>Frota com 10 Anos de Vida Útil</t>
  </si>
  <si>
    <t>Frota com 10 Anos de Vida Útil Investimento Inicial Antecipado</t>
  </si>
  <si>
    <t>Compra de Veículo</t>
  </si>
  <si>
    <t>Venda de Veículos</t>
  </si>
  <si>
    <t>Frota com Vida Útil de 7 Anos</t>
  </si>
  <si>
    <t>Investimentos - R$/Ano</t>
  </si>
  <si>
    <t>Depreciação da Frota - R$/Ano</t>
  </si>
  <si>
    <t>Venda Líquida de Frota - R$/Ano</t>
  </si>
  <si>
    <t>Parâmetros Básicos para o Cálculo do Fluxo de Caixa - Veículo Operacional</t>
  </si>
  <si>
    <t>Não Considera Ar Condicionado</t>
  </si>
  <si>
    <t>Fluxo de Caixa por Tipologia de Veículo</t>
  </si>
  <si>
    <t>Demonstrativo Depreciação</t>
  </si>
  <si>
    <t>Padron 15 Metros</t>
  </si>
  <si>
    <t>Articulado 21 Metros</t>
  </si>
  <si>
    <t>Articulado 23 Metros</t>
  </si>
  <si>
    <t>Biarticulado</t>
  </si>
  <si>
    <t>Trólebus</t>
  </si>
  <si>
    <t>Trólebus 15 Metros</t>
  </si>
  <si>
    <t>Trólebus 15 Metros com Bateria</t>
  </si>
  <si>
    <t>16/17</t>
  </si>
  <si>
    <t>17/17</t>
  </si>
  <si>
    <t>15/17</t>
  </si>
  <si>
    <t>14/17</t>
  </si>
  <si>
    <t>13/17</t>
  </si>
  <si>
    <t>12/17</t>
  </si>
  <si>
    <t>11/17</t>
  </si>
  <si>
    <t>10/17</t>
  </si>
  <si>
    <t>9/17</t>
  </si>
  <si>
    <t>8/17</t>
  </si>
  <si>
    <t>7/17</t>
  </si>
  <si>
    <t>6/17</t>
  </si>
  <si>
    <t>5/17</t>
  </si>
  <si>
    <t>3/17</t>
  </si>
  <si>
    <t>4/17</t>
  </si>
  <si>
    <t>2/17</t>
  </si>
</sst>
</file>

<file path=xl/styles.xml><?xml version="1.0" encoding="utf-8"?>
<styleSheet xmlns="http://schemas.openxmlformats.org/spreadsheetml/2006/main">
  <numFmts count="12">
    <numFmt numFmtId="42" formatCode="_-&quot;R$&quot;\ * #,##0_-;\-&quot;R$&quot;\ * #,##0_-;_-&quot;R$&quot;\ * &quot;-&quot;_-;_-@_-"/>
    <numFmt numFmtId="44" formatCode="_-&quot;R$&quot;\ * #,##0.00_-;\-&quot;R$&quot;\ * #,##0.00_-;_-&quot;R$&quot;\ * &quot;-&quot;??_-;_-@_-"/>
    <numFmt numFmtId="43" formatCode="_-* #,##0.00_-;\-* #,##0.00_-;_-* &quot;-&quot;??_-;_-@_-"/>
    <numFmt numFmtId="164" formatCode="_(* #,##0_);_(* \(#,##0\);_(* &quot;-&quot;??_);_(@_)"/>
    <numFmt numFmtId="165" formatCode="_(* #,##0.0_);_(* \(#,##0.0\);_(* &quot;-&quot;??_);_(@_)"/>
    <numFmt numFmtId="166" formatCode="0.0%"/>
    <numFmt numFmtId="167" formatCode="_(* #,##0.0000_);_(* \(#,##0.0000\);_(* &quot;-&quot;??_);_(@_)"/>
    <numFmt numFmtId="168" formatCode="_(* #,##0.000_);_(* \(#,##0.000\);_(* &quot;-&quot;??_);_(@_)"/>
    <numFmt numFmtId="169" formatCode="#,#00"/>
    <numFmt numFmtId="170" formatCode="%#,#00"/>
    <numFmt numFmtId="171" formatCode="#.##000"/>
    <numFmt numFmtId="172" formatCode="#,"/>
  </numFmts>
  <fonts count="25">
    <font>
      <sz val="10"/>
      <name val="Arial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0"/>
      <name val="Arial"/>
    </font>
    <font>
      <b/>
      <sz val="8"/>
      <name val="Arial"/>
      <family val="2"/>
    </font>
    <font>
      <sz val="8"/>
      <name val="Arial"/>
      <family val="2"/>
    </font>
    <font>
      <b/>
      <sz val="8"/>
      <color theme="0"/>
      <name val="Arial"/>
      <family val="2"/>
    </font>
    <font>
      <b/>
      <sz val="7"/>
      <color indexed="81"/>
      <name val="Tahoma"/>
      <family val="2"/>
    </font>
    <font>
      <sz val="10"/>
      <name val="Arial"/>
      <family val="2"/>
    </font>
    <font>
      <b/>
      <sz val="8"/>
      <color indexed="9"/>
      <name val="Arial"/>
      <family val="2"/>
    </font>
    <font>
      <b/>
      <i/>
      <sz val="8"/>
      <name val="Arial"/>
      <family val="2"/>
    </font>
    <font>
      <i/>
      <sz val="8"/>
      <name val="Arial"/>
      <family val="2"/>
    </font>
    <font>
      <sz val="1"/>
      <color indexed="8"/>
      <name val="Courier"/>
      <family val="3"/>
    </font>
    <font>
      <sz val="10"/>
      <name val="Courier"/>
      <family val="3"/>
    </font>
    <font>
      <b/>
      <sz val="1"/>
      <color indexed="8"/>
      <name val="Courier"/>
      <family val="3"/>
    </font>
    <font>
      <sz val="15"/>
      <name val="Arial"/>
      <family val="2"/>
    </font>
    <font>
      <b/>
      <sz val="22"/>
      <name val="Arial"/>
      <family val="2"/>
    </font>
    <font>
      <sz val="12"/>
      <color theme="1"/>
      <name val="Arial"/>
      <family val="2"/>
    </font>
    <font>
      <b/>
      <sz val="12"/>
      <color theme="1"/>
      <name val="Arial"/>
      <family val="2"/>
    </font>
    <font>
      <b/>
      <sz val="12"/>
      <name val="Arial"/>
      <family val="2"/>
    </font>
    <font>
      <sz val="12"/>
      <name val="Arial"/>
      <family val="2"/>
    </font>
    <font>
      <b/>
      <sz val="14"/>
      <name val="Arial"/>
      <family val="2"/>
    </font>
    <font>
      <sz val="10"/>
      <color theme="1"/>
      <name val="Arial"/>
      <family val="2"/>
    </font>
    <font>
      <b/>
      <sz val="10"/>
      <name val="Arial"/>
      <family val="2"/>
    </font>
  </fonts>
  <fills count="11">
    <fill>
      <patternFill patternType="none"/>
    </fill>
    <fill>
      <patternFill patternType="gray125"/>
    </fill>
    <fill>
      <patternFill patternType="solid">
        <fgColor theme="3" tint="0.39997558519241921"/>
        <bgColor indexed="64"/>
      </patternFill>
    </fill>
    <fill>
      <patternFill patternType="solid">
        <fgColor theme="4" tint="-0.249977111117893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4" tint="0.39997558519241921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indexed="13"/>
        <bgColor indexed="64"/>
      </patternFill>
    </fill>
    <fill>
      <patternFill patternType="solid">
        <fgColor indexed="22"/>
        <bgColor indexed="64"/>
      </patternFill>
    </fill>
    <fill>
      <patternFill patternType="solid">
        <fgColor theme="0" tint="-0.249977111117893"/>
        <bgColor indexed="64"/>
      </patternFill>
    </fill>
    <fill>
      <patternFill patternType="solid">
        <fgColor theme="0" tint="-0.14999847407452621"/>
        <bgColor indexed="64"/>
      </patternFill>
    </fill>
  </fills>
  <borders count="25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/>
      <top style="medium">
        <color indexed="12"/>
      </top>
      <bottom style="thick">
        <color indexed="12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</borders>
  <cellStyleXfs count="208">
    <xf numFmtId="0" fontId="0" fillId="0" borderId="0"/>
    <xf numFmtId="43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0" fontId="3" fillId="0" borderId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2" fontId="4" fillId="0" borderId="23"/>
    <xf numFmtId="0" fontId="13" fillId="0" borderId="0">
      <protection locked="0"/>
    </xf>
    <xf numFmtId="169" fontId="13" fillId="0" borderId="0">
      <protection locked="0"/>
    </xf>
    <xf numFmtId="169" fontId="13" fillId="0" borderId="0">
      <protection locked="0"/>
    </xf>
    <xf numFmtId="0" fontId="14" fillId="0" borderId="0"/>
    <xf numFmtId="44" fontId="9" fillId="0" borderId="0" applyFont="0" applyFill="0" applyBorder="0" applyAlignment="0" applyProtection="0"/>
    <xf numFmtId="44" fontId="4" fillId="0" borderId="0" applyFont="0" applyFill="0" applyBorder="0" applyAlignment="0" applyProtection="0"/>
    <xf numFmtId="0" fontId="9" fillId="0" borderId="0"/>
    <xf numFmtId="170" fontId="13" fillId="0" borderId="0">
      <protection locked="0"/>
    </xf>
    <xf numFmtId="170" fontId="13" fillId="0" borderId="0">
      <protection locked="0"/>
    </xf>
    <xf numFmtId="171" fontId="13" fillId="0" borderId="0">
      <protection locked="0"/>
    </xf>
    <xf numFmtId="9" fontId="9" fillId="0" borderId="0" applyFont="0" applyFill="0" applyBorder="0" applyAlignment="0" applyProtection="0"/>
    <xf numFmtId="9" fontId="4" fillId="0" borderId="0" applyFont="0" applyFill="0" applyBorder="0" applyAlignment="0" applyProtection="0"/>
    <xf numFmtId="2" fontId="4" fillId="0" borderId="23" applyFont="0" applyFill="0" applyBorder="0" applyAlignment="0" applyProtection="0"/>
    <xf numFmtId="42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4" fillId="0" borderId="0" applyFont="0" applyFill="0" applyBorder="0" applyAlignment="0" applyProtection="0"/>
    <xf numFmtId="44" fontId="9" fillId="0" borderId="0" applyFont="0" applyFill="0" applyBorder="0" applyAlignment="0" applyProtection="0"/>
    <xf numFmtId="172" fontId="15" fillId="0" borderId="0">
      <protection locked="0"/>
    </xf>
    <xf numFmtId="172" fontId="15" fillId="0" borderId="0">
      <protection locked="0"/>
    </xf>
    <xf numFmtId="0" fontId="2" fillId="0" borderId="0"/>
  </cellStyleXfs>
  <cellXfs count="193">
    <xf numFmtId="0" fontId="0" fillId="0" borderId="0" xfId="0"/>
    <xf numFmtId="0" fontId="5" fillId="0" borderId="0" xfId="0" applyFont="1"/>
    <xf numFmtId="0" fontId="6" fillId="0" borderId="0" xfId="0" applyFont="1"/>
    <xf numFmtId="0" fontId="6" fillId="0" borderId="1" xfId="0" applyFont="1" applyBorder="1"/>
    <xf numFmtId="0" fontId="7" fillId="2" borderId="0" xfId="3" applyFont="1" applyFill="1" applyBorder="1" applyAlignment="1">
      <alignment horizontal="left" vertical="center"/>
    </xf>
    <xf numFmtId="0" fontId="7" fillId="2" borderId="0" xfId="0" applyFont="1" applyFill="1" applyBorder="1" applyAlignment="1">
      <alignment horizontal="center" vertical="center" wrapText="1"/>
    </xf>
    <xf numFmtId="0" fontId="6" fillId="0" borderId="0" xfId="3" applyFont="1" applyFill="1" applyBorder="1" applyAlignment="1">
      <alignment horizontal="left"/>
    </xf>
    <xf numFmtId="10" fontId="6" fillId="0" borderId="0" xfId="2" applyNumberFormat="1" applyFont="1" applyFill="1" applyBorder="1" applyAlignment="1">
      <alignment horizontal="center"/>
    </xf>
    <xf numFmtId="0" fontId="6" fillId="0" borderId="0" xfId="0" applyFont="1" applyFill="1" applyAlignment="1">
      <alignment horizontal="center"/>
    </xf>
    <xf numFmtId="0" fontId="6" fillId="0" borderId="0" xfId="0" applyFont="1" applyFill="1"/>
    <xf numFmtId="10" fontId="6" fillId="0" borderId="0" xfId="2" applyNumberFormat="1" applyFont="1" applyFill="1" applyAlignment="1">
      <alignment horizontal="center"/>
    </xf>
    <xf numFmtId="10" fontId="6" fillId="0" borderId="0" xfId="0" applyNumberFormat="1" applyFont="1" applyFill="1"/>
    <xf numFmtId="0" fontId="6" fillId="0" borderId="1" xfId="0" applyFont="1" applyFill="1" applyBorder="1"/>
    <xf numFmtId="0" fontId="6" fillId="0" borderId="1" xfId="0" applyFont="1" applyFill="1" applyBorder="1" applyAlignment="1">
      <alignment horizontal="center"/>
    </xf>
    <xf numFmtId="0" fontId="5" fillId="0" borderId="1" xfId="0" applyFont="1" applyFill="1" applyBorder="1"/>
    <xf numFmtId="0" fontId="5" fillId="0" borderId="1" xfId="0" applyFont="1" applyFill="1" applyBorder="1" applyAlignment="1">
      <alignment horizontal="center"/>
    </xf>
    <xf numFmtId="10" fontId="6" fillId="0" borderId="1" xfId="2" applyNumberFormat="1" applyFont="1" applyFill="1" applyBorder="1" applyAlignment="1">
      <alignment horizontal="center"/>
    </xf>
    <xf numFmtId="10" fontId="6" fillId="0" borderId="0" xfId="0" applyNumberFormat="1" applyFont="1"/>
    <xf numFmtId="0" fontId="7" fillId="2" borderId="2" xfId="0" applyFont="1" applyFill="1" applyBorder="1" applyAlignment="1">
      <alignment horizontal="left"/>
    </xf>
    <xf numFmtId="0" fontId="7" fillId="2" borderId="3" xfId="0" applyFont="1" applyFill="1" applyBorder="1" applyAlignment="1">
      <alignment horizontal="center"/>
    </xf>
    <xf numFmtId="0" fontId="7" fillId="2" borderId="4" xfId="0" applyFont="1" applyFill="1" applyBorder="1" applyAlignment="1">
      <alignment horizontal="center"/>
    </xf>
    <xf numFmtId="0" fontId="6" fillId="0" borderId="5" xfId="0" applyFont="1" applyFill="1" applyBorder="1"/>
    <xf numFmtId="0" fontId="6" fillId="0" borderId="0" xfId="0" applyFont="1" applyFill="1" applyBorder="1"/>
    <xf numFmtId="9" fontId="6" fillId="0" borderId="0" xfId="0" applyNumberFormat="1" applyFont="1" applyFill="1" applyBorder="1" applyAlignment="1">
      <alignment horizontal="center"/>
    </xf>
    <xf numFmtId="9" fontId="6" fillId="0" borderId="6" xfId="0" applyNumberFormat="1" applyFont="1" applyFill="1" applyBorder="1" applyAlignment="1">
      <alignment horizontal="center"/>
    </xf>
    <xf numFmtId="0" fontId="6" fillId="0" borderId="7" xfId="0" applyFont="1" applyFill="1" applyBorder="1"/>
    <xf numFmtId="0" fontId="6" fillId="0" borderId="8" xfId="0" applyFont="1" applyFill="1" applyBorder="1" applyAlignment="1">
      <alignment horizontal="center"/>
    </xf>
    <xf numFmtId="9" fontId="6" fillId="0" borderId="0" xfId="0" applyNumberFormat="1" applyFont="1"/>
    <xf numFmtId="0" fontId="7" fillId="2" borderId="2" xfId="0" applyFont="1" applyFill="1" applyBorder="1" applyAlignment="1">
      <alignment horizontal="left" vertical="center"/>
    </xf>
    <xf numFmtId="0" fontId="7" fillId="2" borderId="3" xfId="0" applyFont="1" applyFill="1" applyBorder="1" applyAlignment="1">
      <alignment horizontal="center" wrapText="1"/>
    </xf>
    <xf numFmtId="0" fontId="7" fillId="2" borderId="3" xfId="0" applyFont="1" applyFill="1" applyBorder="1" applyAlignment="1">
      <alignment horizontal="center" vertical="center"/>
    </xf>
    <xf numFmtId="164" fontId="6" fillId="0" borderId="0" xfId="1" applyNumberFormat="1" applyFont="1" applyFill="1" applyBorder="1"/>
    <xf numFmtId="164" fontId="6" fillId="0" borderId="6" xfId="1" applyNumberFormat="1" applyFont="1" applyFill="1" applyBorder="1"/>
    <xf numFmtId="0" fontId="6" fillId="0" borderId="0" xfId="0" applyFont="1" applyFill="1" applyBorder="1" applyAlignment="1">
      <alignment horizontal="right"/>
    </xf>
    <xf numFmtId="164" fontId="6" fillId="0" borderId="1" xfId="1" applyNumberFormat="1" applyFont="1" applyFill="1" applyBorder="1"/>
    <xf numFmtId="0" fontId="6" fillId="0" borderId="1" xfId="0" applyFont="1" applyFill="1" applyBorder="1" applyAlignment="1">
      <alignment horizontal="right"/>
    </xf>
    <xf numFmtId="9" fontId="6" fillId="0" borderId="1" xfId="0" applyNumberFormat="1" applyFont="1" applyFill="1" applyBorder="1" applyAlignment="1">
      <alignment horizontal="center"/>
    </xf>
    <xf numFmtId="164" fontId="6" fillId="0" borderId="0" xfId="1" applyNumberFormat="1" applyFont="1"/>
    <xf numFmtId="164" fontId="6" fillId="0" borderId="0" xfId="0" applyNumberFormat="1" applyFont="1"/>
    <xf numFmtId="0" fontId="5" fillId="0" borderId="0" xfId="0" applyFont="1" applyBorder="1"/>
    <xf numFmtId="0" fontId="6" fillId="0" borderId="9" xfId="0" applyFont="1" applyBorder="1"/>
    <xf numFmtId="0" fontId="6" fillId="0" borderId="10" xfId="0" applyFont="1" applyBorder="1"/>
    <xf numFmtId="0" fontId="6" fillId="0" borderId="11" xfId="0" applyFont="1" applyBorder="1"/>
    <xf numFmtId="0" fontId="5" fillId="0" borderId="9" xfId="0" applyFont="1" applyBorder="1"/>
    <xf numFmtId="0" fontId="5" fillId="0" borderId="10" xfId="0" applyFont="1" applyBorder="1"/>
    <xf numFmtId="0" fontId="6" fillId="0" borderId="0" xfId="0" applyFont="1" applyBorder="1"/>
    <xf numFmtId="164" fontId="6" fillId="0" borderId="11" xfId="1" applyNumberFormat="1" applyFont="1" applyBorder="1"/>
    <xf numFmtId="164" fontId="6" fillId="0" borderId="11" xfId="4" applyNumberFormat="1" applyFont="1" applyBorder="1"/>
    <xf numFmtId="164" fontId="6" fillId="0" borderId="0" xfId="1" applyNumberFormat="1" applyFont="1" applyBorder="1"/>
    <xf numFmtId="0" fontId="6" fillId="0" borderId="0" xfId="0" applyFont="1" applyAlignment="1">
      <alignment horizontal="right"/>
    </xf>
    <xf numFmtId="0" fontId="10" fillId="3" borderId="0" xfId="0" applyFont="1" applyFill="1" applyBorder="1" applyAlignment="1">
      <alignment horizontal="center"/>
    </xf>
    <xf numFmtId="0" fontId="6" fillId="4" borderId="0" xfId="0" applyFont="1" applyFill="1" applyBorder="1"/>
    <xf numFmtId="164" fontId="6" fillId="4" borderId="0" xfId="1" applyNumberFormat="1" applyFont="1" applyFill="1" applyBorder="1"/>
    <xf numFmtId="164" fontId="6" fillId="0" borderId="0" xfId="0" applyNumberFormat="1" applyFont="1" applyBorder="1"/>
    <xf numFmtId="164" fontId="6" fillId="4" borderId="0" xfId="0" applyNumberFormat="1" applyFont="1" applyFill="1" applyBorder="1"/>
    <xf numFmtId="0" fontId="6" fillId="4" borderId="0" xfId="0" applyFont="1" applyFill="1" applyBorder="1" applyAlignment="1">
      <alignment horizontal="left" indent="1"/>
    </xf>
    <xf numFmtId="0" fontId="6" fillId="0" borderId="0" xfId="0" applyFont="1" applyBorder="1" applyAlignment="1">
      <alignment horizontal="left" indent="1"/>
    </xf>
    <xf numFmtId="164" fontId="6" fillId="4" borderId="0" xfId="4" applyNumberFormat="1" applyFont="1" applyFill="1" applyBorder="1"/>
    <xf numFmtId="165" fontId="6" fillId="4" borderId="0" xfId="1" applyNumberFormat="1" applyFont="1" applyFill="1" applyBorder="1"/>
    <xf numFmtId="0" fontId="5" fillId="5" borderId="0" xfId="0" applyFont="1" applyFill="1" applyBorder="1"/>
    <xf numFmtId="164" fontId="5" fillId="5" borderId="0" xfId="1" applyNumberFormat="1" applyFont="1" applyFill="1" applyBorder="1"/>
    <xf numFmtId="43" fontId="6" fillId="0" borderId="0" xfId="1" applyFont="1" applyBorder="1"/>
    <xf numFmtId="10" fontId="6" fillId="0" borderId="0" xfId="0" applyNumberFormat="1" applyFont="1" applyBorder="1"/>
    <xf numFmtId="166" fontId="6" fillId="0" borderId="0" xfId="2" applyNumberFormat="1" applyFont="1" applyBorder="1"/>
    <xf numFmtId="0" fontId="6" fillId="0" borderId="2" xfId="0" applyFont="1" applyBorder="1"/>
    <xf numFmtId="0" fontId="6" fillId="0" borderId="3" xfId="0" applyFont="1" applyBorder="1"/>
    <xf numFmtId="164" fontId="6" fillId="0" borderId="2" xfId="0" applyNumberFormat="1" applyFont="1" applyBorder="1"/>
    <xf numFmtId="164" fontId="6" fillId="0" borderId="3" xfId="0" applyNumberFormat="1" applyFont="1" applyBorder="1"/>
    <xf numFmtId="164" fontId="6" fillId="0" borderId="4" xfId="0" applyNumberFormat="1" applyFont="1" applyBorder="1"/>
    <xf numFmtId="0" fontId="6" fillId="6" borderId="5" xfId="0" applyFont="1" applyFill="1" applyBorder="1"/>
    <xf numFmtId="0" fontId="6" fillId="6" borderId="0" xfId="0" applyFont="1" applyFill="1" applyBorder="1"/>
    <xf numFmtId="164" fontId="6" fillId="6" borderId="5" xfId="0" applyNumberFormat="1" applyFont="1" applyFill="1" applyBorder="1"/>
    <xf numFmtId="164" fontId="6" fillId="6" borderId="0" xfId="0" applyNumberFormat="1" applyFont="1" applyFill="1" applyBorder="1"/>
    <xf numFmtId="164" fontId="6" fillId="6" borderId="6" xfId="0" applyNumberFormat="1" applyFont="1" applyFill="1" applyBorder="1"/>
    <xf numFmtId="0" fontId="6" fillId="0" borderId="5" xfId="0" applyFont="1" applyBorder="1"/>
    <xf numFmtId="164" fontId="6" fillId="0" borderId="5" xfId="1" applyNumberFormat="1" applyFont="1" applyBorder="1"/>
    <xf numFmtId="164" fontId="6" fillId="0" borderId="6" xfId="1" applyNumberFormat="1" applyFont="1" applyBorder="1"/>
    <xf numFmtId="0" fontId="6" fillId="6" borderId="7" xfId="0" applyFont="1" applyFill="1" applyBorder="1"/>
    <xf numFmtId="0" fontId="6" fillId="6" borderId="1" xfId="0" applyFont="1" applyFill="1" applyBorder="1"/>
    <xf numFmtId="164" fontId="6" fillId="6" borderId="7" xfId="1" applyNumberFormat="1" applyFont="1" applyFill="1" applyBorder="1"/>
    <xf numFmtId="164" fontId="6" fillId="6" borderId="1" xfId="1" applyNumberFormat="1" applyFont="1" applyFill="1" applyBorder="1"/>
    <xf numFmtId="164" fontId="6" fillId="6" borderId="8" xfId="1" applyNumberFormat="1" applyFont="1" applyFill="1" applyBorder="1"/>
    <xf numFmtId="164" fontId="5" fillId="0" borderId="11" xfId="1" applyNumberFormat="1" applyFont="1" applyBorder="1"/>
    <xf numFmtId="9" fontId="6" fillId="0" borderId="0" xfId="2" applyFont="1"/>
    <xf numFmtId="10" fontId="6" fillId="0" borderId="0" xfId="2" applyNumberFormat="1" applyFont="1" applyBorder="1"/>
    <xf numFmtId="167" fontId="6" fillId="0" borderId="0" xfId="0" applyNumberFormat="1" applyFont="1"/>
    <xf numFmtId="164" fontId="0" fillId="0" borderId="0" xfId="1" applyNumberFormat="1" applyFont="1"/>
    <xf numFmtId="0" fontId="6" fillId="0" borderId="14" xfId="0" applyFont="1" applyBorder="1"/>
    <xf numFmtId="0" fontId="6" fillId="0" borderId="15" xfId="0" applyFont="1" applyBorder="1"/>
    <xf numFmtId="0" fontId="6" fillId="0" borderId="16" xfId="0" applyFont="1" applyBorder="1" applyAlignment="1">
      <alignment wrapText="1"/>
    </xf>
    <xf numFmtId="0" fontId="5" fillId="0" borderId="17" xfId="0" applyFont="1" applyBorder="1"/>
    <xf numFmtId="168" fontId="6" fillId="0" borderId="18" xfId="0" applyNumberFormat="1" applyFont="1" applyBorder="1"/>
    <xf numFmtId="0" fontId="6" fillId="0" borderId="18" xfId="0" applyFont="1" applyBorder="1"/>
    <xf numFmtId="0" fontId="6" fillId="0" borderId="6" xfId="0" applyFont="1" applyBorder="1"/>
    <xf numFmtId="0" fontId="0" fillId="0" borderId="19" xfId="0" applyBorder="1"/>
    <xf numFmtId="0" fontId="6" fillId="7" borderId="17" xfId="0" applyFont="1" applyFill="1" applyBorder="1"/>
    <xf numFmtId="0" fontId="6" fillId="7" borderId="18" xfId="0" applyFont="1" applyFill="1" applyBorder="1"/>
    <xf numFmtId="0" fontId="6" fillId="7" borderId="6" xfId="0" applyFont="1" applyFill="1" applyBorder="1"/>
    <xf numFmtId="0" fontId="6" fillId="0" borderId="17" xfId="0" applyFont="1" applyFill="1" applyBorder="1"/>
    <xf numFmtId="164" fontId="6" fillId="0" borderId="18" xfId="1" applyNumberFormat="1" applyFont="1" applyFill="1" applyBorder="1"/>
    <xf numFmtId="164" fontId="0" fillId="0" borderId="19" xfId="0" applyNumberFormat="1" applyFill="1" applyBorder="1"/>
    <xf numFmtId="0" fontId="0" fillId="0" borderId="0" xfId="0" applyFill="1"/>
    <xf numFmtId="9" fontId="6" fillId="0" borderId="18" xfId="2" applyFont="1" applyFill="1" applyBorder="1"/>
    <xf numFmtId="0" fontId="6" fillId="0" borderId="17" xfId="0" applyFont="1" applyBorder="1"/>
    <xf numFmtId="164" fontId="6" fillId="0" borderId="18" xfId="1" applyNumberFormat="1" applyFont="1" applyBorder="1"/>
    <xf numFmtId="164" fontId="0" fillId="0" borderId="19" xfId="0" applyNumberFormat="1" applyBorder="1"/>
    <xf numFmtId="164" fontId="6" fillId="0" borderId="19" xfId="1" applyNumberFormat="1" applyFont="1" applyFill="1" applyBorder="1"/>
    <xf numFmtId="164" fontId="6" fillId="0" borderId="20" xfId="1" applyNumberFormat="1" applyFont="1" applyFill="1" applyBorder="1"/>
    <xf numFmtId="0" fontId="0" fillId="0" borderId="19" xfId="0" applyFill="1" applyBorder="1"/>
    <xf numFmtId="0" fontId="5" fillId="0" borderId="17" xfId="0" applyFont="1" applyFill="1" applyBorder="1"/>
    <xf numFmtId="1" fontId="6" fillId="0" borderId="18" xfId="1" applyNumberFormat="1" applyFont="1" applyFill="1" applyBorder="1"/>
    <xf numFmtId="9" fontId="6" fillId="0" borderId="6" xfId="2" applyFont="1" applyFill="1" applyBorder="1"/>
    <xf numFmtId="9" fontId="6" fillId="0" borderId="18" xfId="2" applyFont="1" applyBorder="1"/>
    <xf numFmtId="9" fontId="0" fillId="0" borderId="19" xfId="0" applyNumberFormat="1" applyBorder="1"/>
    <xf numFmtId="9" fontId="6" fillId="0" borderId="0" xfId="2" applyFont="1" applyFill="1" applyBorder="1"/>
    <xf numFmtId="167" fontId="6" fillId="0" borderId="18" xfId="1" applyNumberFormat="1" applyFont="1" applyBorder="1"/>
    <xf numFmtId="167" fontId="6" fillId="0" borderId="20" xfId="1" applyNumberFormat="1" applyFont="1" applyBorder="1"/>
    <xf numFmtId="167" fontId="6" fillId="0" borderId="18" xfId="0" applyNumberFormat="1" applyFont="1" applyBorder="1"/>
    <xf numFmtId="0" fontId="6" fillId="0" borderId="17" xfId="0" applyFont="1" applyBorder="1" applyAlignment="1">
      <alignment horizontal="left" indent="2"/>
    </xf>
    <xf numFmtId="167" fontId="6" fillId="0" borderId="18" xfId="1" applyNumberFormat="1" applyFont="1" applyFill="1" applyBorder="1"/>
    <xf numFmtId="167" fontId="6" fillId="0" borderId="6" xfId="1" applyNumberFormat="1" applyFont="1" applyBorder="1"/>
    <xf numFmtId="0" fontId="9" fillId="0" borderId="0" xfId="0" applyFont="1"/>
    <xf numFmtId="0" fontId="0" fillId="0" borderId="0" xfId="0" quotePrefix="1"/>
    <xf numFmtId="0" fontId="6" fillId="8" borderId="17" xfId="0" applyFont="1" applyFill="1" applyBorder="1"/>
    <xf numFmtId="0" fontId="6" fillId="8" borderId="18" xfId="0" applyFont="1" applyFill="1" applyBorder="1"/>
    <xf numFmtId="0" fontId="6" fillId="8" borderId="6" xfId="0" applyFont="1" applyFill="1" applyBorder="1"/>
    <xf numFmtId="0" fontId="0" fillId="9" borderId="19" xfId="0" applyFill="1" applyBorder="1"/>
    <xf numFmtId="0" fontId="11" fillId="0" borderId="17" xfId="0" applyFont="1" applyBorder="1"/>
    <xf numFmtId="164" fontId="11" fillId="0" borderId="18" xfId="1" applyNumberFormat="1" applyFont="1" applyBorder="1"/>
    <xf numFmtId="164" fontId="5" fillId="0" borderId="18" xfId="1" applyNumberFormat="1" applyFont="1" applyFill="1" applyBorder="1"/>
    <xf numFmtId="164" fontId="5" fillId="0" borderId="20" xfId="1" applyNumberFormat="1" applyFont="1" applyFill="1" applyBorder="1"/>
    <xf numFmtId="164" fontId="0" fillId="0" borderId="0" xfId="0" applyNumberFormat="1"/>
    <xf numFmtId="0" fontId="6" fillId="0" borderId="17" xfId="0" applyFont="1" applyBorder="1" applyAlignment="1">
      <alignment horizontal="left" indent="3"/>
    </xf>
    <xf numFmtId="164" fontId="12" fillId="0" borderId="18" xfId="1" applyNumberFormat="1" applyFont="1" applyBorder="1"/>
    <xf numFmtId="164" fontId="11" fillId="0" borderId="20" xfId="1" applyNumberFormat="1" applyFont="1" applyBorder="1"/>
    <xf numFmtId="0" fontId="5" fillId="0" borderId="17" xfId="0" applyFont="1" applyBorder="1" applyAlignment="1">
      <alignment horizontal="left"/>
    </xf>
    <xf numFmtId="164" fontId="6" fillId="0" borderId="18" xfId="4" applyNumberFormat="1" applyFont="1" applyBorder="1"/>
    <xf numFmtId="164" fontId="6" fillId="0" borderId="20" xfId="1" applyNumberFormat="1" applyFont="1" applyBorder="1"/>
    <xf numFmtId="0" fontId="11" fillId="0" borderId="21" xfId="0" applyFont="1" applyBorder="1"/>
    <xf numFmtId="164" fontId="11" fillId="0" borderId="22" xfId="1" applyNumberFormat="1" applyFont="1" applyBorder="1"/>
    <xf numFmtId="0" fontId="11" fillId="10" borderId="21" xfId="0" applyFont="1" applyFill="1" applyBorder="1"/>
    <xf numFmtId="164" fontId="11" fillId="10" borderId="22" xfId="0" applyNumberFormat="1" applyFont="1" applyFill="1" applyBorder="1"/>
    <xf numFmtId="164" fontId="11" fillId="0" borderId="0" xfId="1" applyNumberFormat="1" applyFont="1" applyFill="1" applyBorder="1"/>
    <xf numFmtId="9" fontId="6" fillId="0" borderId="20" xfId="2" applyFont="1" applyFill="1" applyBorder="1"/>
    <xf numFmtId="167" fontId="6" fillId="0" borderId="20" xfId="0" applyNumberFormat="1" applyFont="1" applyBorder="1"/>
    <xf numFmtId="167" fontId="6" fillId="0" borderId="19" xfId="1" applyNumberFormat="1" applyFont="1" applyBorder="1"/>
    <xf numFmtId="164" fontId="11" fillId="0" borderId="24" xfId="1" applyNumberFormat="1" applyFont="1" applyBorder="1"/>
    <xf numFmtId="164" fontId="11" fillId="10" borderId="24" xfId="0" applyNumberFormat="1" applyFont="1" applyFill="1" applyBorder="1"/>
    <xf numFmtId="0" fontId="16" fillId="0" borderId="0" xfId="193" applyFont="1"/>
    <xf numFmtId="0" fontId="9" fillId="0" borderId="0" xfId="193"/>
    <xf numFmtId="0" fontId="2" fillId="0" borderId="0" xfId="207"/>
    <xf numFmtId="0" fontId="17" fillId="0" borderId="0" xfId="193" applyFont="1" applyAlignment="1">
      <alignment horizontal="center"/>
    </xf>
    <xf numFmtId="0" fontId="17" fillId="0" borderId="0" xfId="193" applyFont="1" applyAlignment="1">
      <alignment horizontal="center" vertical="center"/>
    </xf>
    <xf numFmtId="0" fontId="17" fillId="0" borderId="0" xfId="193" applyFont="1" applyAlignment="1">
      <alignment horizontal="center" vertical="center" wrapText="1"/>
    </xf>
    <xf numFmtId="0" fontId="1" fillId="0" borderId="0" xfId="207" applyFont="1"/>
    <xf numFmtId="0" fontId="18" fillId="0" borderId="0" xfId="0" applyFont="1" applyAlignment="1"/>
    <xf numFmtId="0" fontId="19" fillId="0" borderId="0" xfId="0" applyFont="1" applyAlignment="1">
      <alignment horizontal="center" vertical="center"/>
    </xf>
    <xf numFmtId="0" fontId="18" fillId="0" borderId="0" xfId="0" applyFont="1" applyAlignment="1">
      <alignment horizontal="center"/>
    </xf>
    <xf numFmtId="0" fontId="19" fillId="0" borderId="0" xfId="0" applyFont="1" applyAlignment="1">
      <alignment vertical="center"/>
    </xf>
    <xf numFmtId="0" fontId="19" fillId="0" borderId="0" xfId="0" applyFont="1" applyAlignment="1">
      <alignment horizontal="center" vertical="center"/>
    </xf>
    <xf numFmtId="0" fontId="19" fillId="0" borderId="0" xfId="0" applyFont="1" applyAlignment="1">
      <alignment horizontal="center"/>
    </xf>
    <xf numFmtId="0" fontId="20" fillId="0" borderId="0" xfId="0" applyFont="1"/>
    <xf numFmtId="0" fontId="21" fillId="0" borderId="0" xfId="0" applyFont="1"/>
    <xf numFmtId="0" fontId="18" fillId="0" borderId="0" xfId="0" applyFont="1" applyAlignment="1">
      <alignment horizontal="left" indent="1"/>
    </xf>
    <xf numFmtId="0" fontId="20" fillId="0" borderId="0" xfId="0" applyFont="1" applyAlignment="1"/>
    <xf numFmtId="0" fontId="22" fillId="0" borderId="0" xfId="0" applyFont="1"/>
    <xf numFmtId="0" fontId="18" fillId="0" borderId="0" xfId="0" applyFont="1" applyAlignment="1">
      <alignment horizontal="center" vertical="center"/>
    </xf>
    <xf numFmtId="0" fontId="19" fillId="0" borderId="0" xfId="0" applyFont="1" applyAlignment="1"/>
    <xf numFmtId="0" fontId="20" fillId="0" borderId="0" xfId="0" applyFont="1" applyAlignment="1">
      <alignment horizontal="left"/>
    </xf>
    <xf numFmtId="0" fontId="23" fillId="0" borderId="0" xfId="0" applyFont="1" applyAlignment="1"/>
    <xf numFmtId="9" fontId="20" fillId="0" borderId="0" xfId="0" applyNumberFormat="1" applyFont="1"/>
    <xf numFmtId="0" fontId="6" fillId="0" borderId="0" xfId="0" applyFont="1" applyFill="1" applyBorder="1" applyAlignment="1">
      <alignment horizontal="center"/>
    </xf>
    <xf numFmtId="49" fontId="9" fillId="0" borderId="0" xfId="0" applyNumberFormat="1" applyFont="1" applyAlignment="1">
      <alignment horizontal="center" vertical="center"/>
    </xf>
    <xf numFmtId="0" fontId="20" fillId="0" borderId="0" xfId="0" applyFont="1" applyBorder="1"/>
    <xf numFmtId="0" fontId="9" fillId="0" borderId="9" xfId="0" applyFont="1" applyBorder="1"/>
    <xf numFmtId="0" fontId="9" fillId="0" borderId="10" xfId="0" applyFont="1" applyBorder="1"/>
    <xf numFmtId="0" fontId="9" fillId="0" borderId="11" xfId="0" applyFont="1" applyBorder="1"/>
    <xf numFmtId="0" fontId="24" fillId="0" borderId="9" xfId="0" applyFont="1" applyBorder="1"/>
    <xf numFmtId="0" fontId="24" fillId="0" borderId="10" xfId="0" applyFont="1" applyBorder="1"/>
    <xf numFmtId="43" fontId="24" fillId="0" borderId="11" xfId="1" applyFont="1" applyBorder="1"/>
    <xf numFmtId="0" fontId="9" fillId="0" borderId="0" xfId="0" applyFont="1" applyBorder="1"/>
    <xf numFmtId="164" fontId="9" fillId="0" borderId="11" xfId="1" applyNumberFormat="1" applyFont="1" applyBorder="1"/>
    <xf numFmtId="164" fontId="9" fillId="0" borderId="11" xfId="4" applyNumberFormat="1" applyFont="1" applyBorder="1"/>
    <xf numFmtId="0" fontId="22" fillId="0" borderId="0" xfId="0" applyFont="1" applyBorder="1"/>
    <xf numFmtId="0" fontId="20" fillId="0" borderId="12" xfId="0" applyFont="1" applyBorder="1"/>
    <xf numFmtId="10" fontId="20" fillId="0" borderId="13" xfId="0" applyNumberFormat="1" applyFont="1" applyBorder="1"/>
    <xf numFmtId="43" fontId="24" fillId="0" borderId="11" xfId="0" applyNumberFormat="1" applyFont="1" applyBorder="1"/>
    <xf numFmtId="164" fontId="24" fillId="0" borderId="11" xfId="1" applyNumberFormat="1" applyFont="1" applyBorder="1"/>
    <xf numFmtId="165" fontId="24" fillId="0" borderId="11" xfId="1" applyNumberFormat="1" applyFont="1" applyBorder="1"/>
    <xf numFmtId="0" fontId="22" fillId="0" borderId="0" xfId="0" applyFont="1" applyAlignment="1">
      <alignment horizontal="left" vertical="center" wrapText="1"/>
    </xf>
    <xf numFmtId="0" fontId="18" fillId="0" borderId="0" xfId="0" applyFont="1" applyAlignment="1">
      <alignment vertical="center"/>
    </xf>
    <xf numFmtId="0" fontId="18" fillId="0" borderId="0" xfId="0" applyFont="1" applyAlignment="1">
      <alignment horizontal="center"/>
    </xf>
    <xf numFmtId="0" fontId="22" fillId="0" borderId="0" xfId="0" applyFont="1" applyAlignment="1">
      <alignment vertical="center"/>
    </xf>
  </cellXfs>
  <cellStyles count="208">
    <cellStyle name="_TCOS0107" xfId="6"/>
    <cellStyle name="_TCOS0108" xfId="7"/>
    <cellStyle name="_TCOS0109" xfId="8"/>
    <cellStyle name="_TCOS0110" xfId="9"/>
    <cellStyle name="_TCOS0111" xfId="10"/>
    <cellStyle name="_TCOS0112" xfId="11"/>
    <cellStyle name="_TCOS0207" xfId="12"/>
    <cellStyle name="_TCOS0208" xfId="13"/>
    <cellStyle name="_TCOS0209" xfId="14"/>
    <cellStyle name="_TCOS0210" xfId="15"/>
    <cellStyle name="_TCOS0211" xfId="16"/>
    <cellStyle name="_TCOS0212" xfId="17"/>
    <cellStyle name="_TCOS0307" xfId="18"/>
    <cellStyle name="_TCOS0308" xfId="19"/>
    <cellStyle name="_TCOS0309" xfId="20"/>
    <cellStyle name="_TCOS0310" xfId="21"/>
    <cellStyle name="_TCOS0311" xfId="22"/>
    <cellStyle name="_TCOS0407" xfId="23"/>
    <cellStyle name="_TCOS0408" xfId="24"/>
    <cellStyle name="_TCOS0409" xfId="25"/>
    <cellStyle name="_TCOS0410" xfId="26"/>
    <cellStyle name="_TCOS0411" xfId="27"/>
    <cellStyle name="_TCOS0507" xfId="28"/>
    <cellStyle name="_TCOS0508" xfId="29"/>
    <cellStyle name="_TCOS0509" xfId="30"/>
    <cellStyle name="_TCOS0510" xfId="31"/>
    <cellStyle name="_TCOS0511" xfId="32"/>
    <cellStyle name="_TCOS0607" xfId="33"/>
    <cellStyle name="_TCOS0608" xfId="34"/>
    <cellStyle name="_TCOS0609" xfId="35"/>
    <cellStyle name="_TCOS0610" xfId="36"/>
    <cellStyle name="_TCOS0611" xfId="37"/>
    <cellStyle name="_TCOS0707" xfId="38"/>
    <cellStyle name="_TCOS0708" xfId="39"/>
    <cellStyle name="_TCOS0709" xfId="40"/>
    <cellStyle name="_TCOS0710" xfId="41"/>
    <cellStyle name="_TCOS0711" xfId="42"/>
    <cellStyle name="_TCOS0807" xfId="43"/>
    <cellStyle name="_TCOS0808" xfId="44"/>
    <cellStyle name="_TCOS0809" xfId="45"/>
    <cellStyle name="_TCOS0810" xfId="46"/>
    <cellStyle name="_TCOS0811" xfId="47"/>
    <cellStyle name="_TCOS0907" xfId="48"/>
    <cellStyle name="_TCOS0908" xfId="49"/>
    <cellStyle name="_TCOS0909" xfId="50"/>
    <cellStyle name="_TCOS0909 (2)" xfId="51"/>
    <cellStyle name="_TCOS0910" xfId="52"/>
    <cellStyle name="_TCOS0911" xfId="53"/>
    <cellStyle name="_TCOS1007" xfId="54"/>
    <cellStyle name="_TCOS1008" xfId="55"/>
    <cellStyle name="_TCOS1009" xfId="56"/>
    <cellStyle name="_TCOS1010" xfId="57"/>
    <cellStyle name="_TCOS1011" xfId="58"/>
    <cellStyle name="_TCOS1106" xfId="59"/>
    <cellStyle name="_TCOS1107" xfId="60"/>
    <cellStyle name="_TCOS1108" xfId="61"/>
    <cellStyle name="_TCOS1109" xfId="62"/>
    <cellStyle name="_TCOS1110" xfId="63"/>
    <cellStyle name="_TCOS1111" xfId="64"/>
    <cellStyle name="_TCOS1206" xfId="65"/>
    <cellStyle name="_TCOS1207" xfId="66"/>
    <cellStyle name="_TCOS1208" xfId="67"/>
    <cellStyle name="_TCOS1208 (2)" xfId="68"/>
    <cellStyle name="_TCOS1209" xfId="69"/>
    <cellStyle name="_TCOS1210" xfId="70"/>
    <cellStyle name="_TCOS1211" xfId="71"/>
    <cellStyle name="_TCOS1306" xfId="72"/>
    <cellStyle name="_TCOS1307" xfId="73"/>
    <cellStyle name="_TCOS1308" xfId="74"/>
    <cellStyle name="_TCOS1309" xfId="75"/>
    <cellStyle name="_TCOS1310" xfId="76"/>
    <cellStyle name="_TCOS1311" xfId="77"/>
    <cellStyle name="_TCOS1406" xfId="78"/>
    <cellStyle name="_TCOS1407" xfId="79"/>
    <cellStyle name="_TCOS1408" xfId="80"/>
    <cellStyle name="_TCOS1409" xfId="81"/>
    <cellStyle name="_TCOS1410" xfId="82"/>
    <cellStyle name="_TCOS1411" xfId="83"/>
    <cellStyle name="_tcos1506" xfId="84"/>
    <cellStyle name="_TCOS1507" xfId="85"/>
    <cellStyle name="_TCOS1508" xfId="86"/>
    <cellStyle name="_TCOS1509" xfId="87"/>
    <cellStyle name="_TCOS1510" xfId="88"/>
    <cellStyle name="_TCOS1511" xfId="89"/>
    <cellStyle name="_TCOS1606" xfId="90"/>
    <cellStyle name="_TCOS1607" xfId="91"/>
    <cellStyle name="_TCOS1608" xfId="92"/>
    <cellStyle name="_TCOS1609" xfId="93"/>
    <cellStyle name="_TCOS1610" xfId="94"/>
    <cellStyle name="_TCOS1611" xfId="95"/>
    <cellStyle name="_tcos1706" xfId="96"/>
    <cellStyle name="_TCOS1707" xfId="97"/>
    <cellStyle name="_TCOS1708" xfId="98"/>
    <cellStyle name="_TCOS1709" xfId="99"/>
    <cellStyle name="_TCOS1710" xfId="100"/>
    <cellStyle name="_TCOS1711" xfId="101"/>
    <cellStyle name="_TCOS1806" xfId="102"/>
    <cellStyle name="_TCOS1807" xfId="103"/>
    <cellStyle name="_TCOS1808" xfId="104"/>
    <cellStyle name="_TCOS1809" xfId="105"/>
    <cellStyle name="_TCOS1809 (2)" xfId="106"/>
    <cellStyle name="_TCOS1810" xfId="107"/>
    <cellStyle name="_TCOS1811" xfId="108"/>
    <cellStyle name="_tcos1906" xfId="109"/>
    <cellStyle name="_TCOS1907" xfId="110"/>
    <cellStyle name="_TCOS1908" xfId="111"/>
    <cellStyle name="_TCOS1909" xfId="112"/>
    <cellStyle name="_TCOS1909 (2)" xfId="113"/>
    <cellStyle name="_TCOS1910" xfId="114"/>
    <cellStyle name="_TCOS1911" xfId="115"/>
    <cellStyle name="_TCOS2006" xfId="116"/>
    <cellStyle name="_TCOS2007" xfId="117"/>
    <cellStyle name="_TCOS2008" xfId="118"/>
    <cellStyle name="_TCOS2009" xfId="119"/>
    <cellStyle name="_TCOS2009 (2)" xfId="120"/>
    <cellStyle name="_TCOS2010" xfId="121"/>
    <cellStyle name="_TCOS2011" xfId="122"/>
    <cellStyle name="_TCOS2106" xfId="123"/>
    <cellStyle name="_TCOS2107" xfId="124"/>
    <cellStyle name="_TCOS2108" xfId="125"/>
    <cellStyle name="_TCOS2109" xfId="126"/>
    <cellStyle name="_TCOS2110" xfId="127"/>
    <cellStyle name="_TCOS2111" xfId="128"/>
    <cellStyle name="_TCOS2207" xfId="129"/>
    <cellStyle name="_TCOS2208" xfId="130"/>
    <cellStyle name="_TCOS2209" xfId="131"/>
    <cellStyle name="_TCOS2210" xfId="132"/>
    <cellStyle name="_TCOS2211" xfId="133"/>
    <cellStyle name="_TCOS2306" xfId="134"/>
    <cellStyle name="_TCOS2307" xfId="135"/>
    <cellStyle name="_TCOS2308" xfId="136"/>
    <cellStyle name="_TCOS2309" xfId="137"/>
    <cellStyle name="_TCOS2310" xfId="138"/>
    <cellStyle name="_TCOS2311" xfId="139"/>
    <cellStyle name="_TCOS2406" xfId="140"/>
    <cellStyle name="_TCOS2407" xfId="141"/>
    <cellStyle name="_TCOS2408" xfId="142"/>
    <cellStyle name="_TCOS2409" xfId="143"/>
    <cellStyle name="_TCOS2410" xfId="144"/>
    <cellStyle name="_TCOS2411" xfId="145"/>
    <cellStyle name="_TCOS2506" xfId="146"/>
    <cellStyle name="_TCOS2507" xfId="147"/>
    <cellStyle name="_TCOS2508" xfId="148"/>
    <cellStyle name="_TCOS2509" xfId="149"/>
    <cellStyle name="_TCOS2510" xfId="150"/>
    <cellStyle name="_TCOS2511" xfId="151"/>
    <cellStyle name="_TCOS2606" xfId="152"/>
    <cellStyle name="_TCOS2607" xfId="153"/>
    <cellStyle name="_TCOS2608" xfId="154"/>
    <cellStyle name="_TCOS2609" xfId="155"/>
    <cellStyle name="_TCOS2610" xfId="156"/>
    <cellStyle name="_TCOS2611" xfId="157"/>
    <cellStyle name="_TCOS2706" xfId="158"/>
    <cellStyle name="_TCOS2707" xfId="159"/>
    <cellStyle name="_TCOS2708" xfId="160"/>
    <cellStyle name="_TCOS2709" xfId="161"/>
    <cellStyle name="_TCOS2710" xfId="162"/>
    <cellStyle name="_TCOS2711" xfId="163"/>
    <cellStyle name="_TCOS2806" xfId="164"/>
    <cellStyle name="_TCOS2807" xfId="165"/>
    <cellStyle name="_TCOS2808" xfId="166"/>
    <cellStyle name="_TCOS2809" xfId="167"/>
    <cellStyle name="_TCOS2810" xfId="168"/>
    <cellStyle name="_TCOS2811" xfId="169"/>
    <cellStyle name="_TCOS2906" xfId="170"/>
    <cellStyle name="_TCOS2907" xfId="171"/>
    <cellStyle name="_TCOS2908" xfId="172"/>
    <cellStyle name="_TCOS2909" xfId="173"/>
    <cellStyle name="_TCOS2910" xfId="174"/>
    <cellStyle name="_TCOS2911" xfId="175"/>
    <cellStyle name="_TCOS3006" xfId="176"/>
    <cellStyle name="_TCOS3007" xfId="177"/>
    <cellStyle name="_TCOS3007 (2)" xfId="178"/>
    <cellStyle name="_TCOS3008" xfId="179"/>
    <cellStyle name="_TCOS3009" xfId="180"/>
    <cellStyle name="_TCOS3010" xfId="181"/>
    <cellStyle name="_TCOS3011" xfId="182"/>
    <cellStyle name="_TCOS3107" xfId="183"/>
    <cellStyle name="_TCOS3108" xfId="184"/>
    <cellStyle name="_TCOS3110" xfId="185"/>
    <cellStyle name="0" xfId="186"/>
    <cellStyle name="Data" xfId="187"/>
    <cellStyle name="Estilo 1" xfId="188"/>
    <cellStyle name="Fixo" xfId="189"/>
    <cellStyle name="Indefinido" xfId="190"/>
    <cellStyle name="Moeda 2" xfId="191"/>
    <cellStyle name="Moeda 3" xfId="192"/>
    <cellStyle name="Normal" xfId="0" builtinId="0"/>
    <cellStyle name="Normal 2" xfId="3"/>
    <cellStyle name="Normal 3" xfId="207"/>
    <cellStyle name="Normal 9" xfId="193"/>
    <cellStyle name="Percent" xfId="194"/>
    <cellStyle name="Percentual" xfId="195"/>
    <cellStyle name="Ponto" xfId="196"/>
    <cellStyle name="Porcentagem" xfId="2" builtinId="5"/>
    <cellStyle name="Porcentagem 2" xfId="197"/>
    <cellStyle name="Porcentagem 3" xfId="198"/>
    <cellStyle name="Separador de milhares" xfId="1" builtinId="3"/>
    <cellStyle name="Separador de milhares [2]" xfId="199"/>
    <cellStyle name="Separador de milhares 2" xfId="5"/>
    <cellStyle name="Separador de milhares 2 3" xfId="200"/>
    <cellStyle name="Separador de milhares 3" xfId="4"/>
    <cellStyle name="Separador de milhares 4" xfId="201"/>
    <cellStyle name="Separador de milhares 4 2" xfId="202"/>
    <cellStyle name="Separador de milhares 5" xfId="203"/>
    <cellStyle name="Separador de milhares 9" xfId="204"/>
    <cellStyle name="Titulo1" xfId="205"/>
    <cellStyle name="Titulo2" xfId="206"/>
  </cellStyles>
  <dxfs count="0"/>
  <tableStyles count="0" defaultTableStyle="TableStyleMedium9" defaultPivotStyle="PivotStyleLight16"/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externalLink" Target="externalLinks/externalLink2.xml"/><Relationship Id="rId3" Type="http://schemas.openxmlformats.org/officeDocument/2006/relationships/worksheet" Target="worksheets/sheet3.xml"/><Relationship Id="rId21" Type="http://schemas.openxmlformats.org/officeDocument/2006/relationships/styles" Target="styles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externalLink" Target="externalLinks/externalLink1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10" Type="http://schemas.openxmlformats.org/officeDocument/2006/relationships/worksheet" Target="worksheets/sheet10.xml"/><Relationship Id="rId19" Type="http://schemas.openxmlformats.org/officeDocument/2006/relationships/externalLink" Target="externalLinks/externalLink3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xl/drawings/_rels/drawing10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_rels/drawing11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_rels/drawing12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_rels/drawing13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_rels/drawing14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_rels/drawing15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_rels/drawing16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_rels/drawing3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_rels/drawing4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_rels/drawing5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_rels/drawing6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_rels/drawing7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_rels/drawing8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_rels/drawing9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47625</xdr:colOff>
      <xdr:row>12</xdr:row>
      <xdr:rowOff>19050</xdr:rowOff>
    </xdr:from>
    <xdr:to>
      <xdr:col>8</xdr:col>
      <xdr:colOff>451596</xdr:colOff>
      <xdr:row>26</xdr:row>
      <xdr:rowOff>57150</xdr:rowOff>
    </xdr:to>
    <xdr:pic>
      <xdr:nvPicPr>
        <xdr:cNvPr id="3" name="Imagem 2" descr="C:\Users\s1240498\Desktop\Logo Prefeitura SP.jpg"/>
        <xdr:cNvPicPr/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685800" y="3676650"/>
          <a:ext cx="4871196" cy="31051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>
    <xdr:from>
      <xdr:col>0</xdr:col>
      <xdr:colOff>66675</xdr:colOff>
      <xdr:row>0</xdr:row>
      <xdr:rowOff>76200</xdr:rowOff>
    </xdr:from>
    <xdr:to>
      <xdr:col>9</xdr:col>
      <xdr:colOff>561975</xdr:colOff>
      <xdr:row>39</xdr:row>
      <xdr:rowOff>180975</xdr:rowOff>
    </xdr:to>
    <xdr:sp macro="" textlink="">
      <xdr:nvSpPr>
        <xdr:cNvPr id="4" name="Rectangle 1"/>
        <xdr:cNvSpPr>
          <a:spLocks noChangeArrowheads="1"/>
        </xdr:cNvSpPr>
      </xdr:nvSpPr>
      <xdr:spPr bwMode="auto">
        <a:xfrm>
          <a:off x="66675" y="76200"/>
          <a:ext cx="6238875" cy="9305925"/>
        </a:xfrm>
        <a:prstGeom prst="rect">
          <a:avLst/>
        </a:prstGeom>
        <a:noFill/>
        <a:ln w="101600" cmpd="thinThick">
          <a:solidFill>
            <a:srgbClr val="7F7F7F"/>
          </a:solidFill>
          <a:miter lim="800000"/>
          <a:headEnd/>
          <a:tailEnd/>
        </a:ln>
      </xdr:spPr>
    </xdr:sp>
    <xdr:clientData/>
  </xdr:twoCellAnchor>
</xdr:wsDr>
</file>

<file path=xl/drawings/drawing10.xml><?xml version="1.0" encoding="utf-8"?>
<xdr:wsDr xmlns:xdr="http://schemas.openxmlformats.org/drawingml/2006/spreadsheetDrawing" xmlns:a="http://schemas.openxmlformats.org/drawingml/2006/main">
  <xdr:twoCellAnchor editAs="oneCell">
    <xdr:from>
      <xdr:col>19</xdr:col>
      <xdr:colOff>333376</xdr:colOff>
      <xdr:row>0</xdr:row>
      <xdr:rowOff>95251</xdr:rowOff>
    </xdr:from>
    <xdr:to>
      <xdr:col>21</xdr:col>
      <xdr:colOff>626157</xdr:colOff>
      <xdr:row>3</xdr:row>
      <xdr:rowOff>4513</xdr:rowOff>
    </xdr:to>
    <xdr:pic>
      <xdr:nvPicPr>
        <xdr:cNvPr id="2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442407" y="95251"/>
          <a:ext cx="1697719" cy="421231"/>
        </a:xfrm>
        <a:prstGeom prst="rect">
          <a:avLst/>
        </a:prstGeom>
        <a:noFill/>
      </xdr:spPr>
    </xdr:pic>
    <xdr:clientData/>
  </xdr:twoCellAnchor>
</xdr:wsDr>
</file>

<file path=xl/drawings/drawing11.xml><?xml version="1.0" encoding="utf-8"?>
<xdr:wsDr xmlns:xdr="http://schemas.openxmlformats.org/drawingml/2006/spreadsheetDrawing" xmlns:a="http://schemas.openxmlformats.org/drawingml/2006/main">
  <xdr:twoCellAnchor editAs="oneCell">
    <xdr:from>
      <xdr:col>19</xdr:col>
      <xdr:colOff>357187</xdr:colOff>
      <xdr:row>0</xdr:row>
      <xdr:rowOff>59531</xdr:rowOff>
    </xdr:from>
    <xdr:to>
      <xdr:col>21</xdr:col>
      <xdr:colOff>649969</xdr:colOff>
      <xdr:row>2</xdr:row>
      <xdr:rowOff>111668</xdr:rowOff>
    </xdr:to>
    <xdr:pic>
      <xdr:nvPicPr>
        <xdr:cNvPr id="2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478125" y="59531"/>
          <a:ext cx="1697719" cy="421231"/>
        </a:xfrm>
        <a:prstGeom prst="rect">
          <a:avLst/>
        </a:prstGeom>
        <a:noFill/>
      </xdr:spPr>
    </xdr:pic>
    <xdr:clientData/>
  </xdr:twoCellAnchor>
</xdr:wsDr>
</file>

<file path=xl/drawings/drawing12.xml><?xml version="1.0" encoding="utf-8"?>
<xdr:wsDr xmlns:xdr="http://schemas.openxmlformats.org/drawingml/2006/spreadsheetDrawing" xmlns:a="http://schemas.openxmlformats.org/drawingml/2006/main">
  <xdr:twoCellAnchor editAs="oneCell">
    <xdr:from>
      <xdr:col>19</xdr:col>
      <xdr:colOff>381000</xdr:colOff>
      <xdr:row>0</xdr:row>
      <xdr:rowOff>47625</xdr:rowOff>
    </xdr:from>
    <xdr:to>
      <xdr:col>21</xdr:col>
      <xdr:colOff>673782</xdr:colOff>
      <xdr:row>2</xdr:row>
      <xdr:rowOff>99762</xdr:rowOff>
    </xdr:to>
    <xdr:pic>
      <xdr:nvPicPr>
        <xdr:cNvPr id="2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501938" y="47625"/>
          <a:ext cx="1697719" cy="421231"/>
        </a:xfrm>
        <a:prstGeom prst="rect">
          <a:avLst/>
        </a:prstGeom>
        <a:noFill/>
      </xdr:spPr>
    </xdr:pic>
    <xdr:clientData/>
  </xdr:twoCellAnchor>
</xdr:wsDr>
</file>

<file path=xl/drawings/drawing13.xml><?xml version="1.0" encoding="utf-8"?>
<xdr:wsDr xmlns:xdr="http://schemas.openxmlformats.org/drawingml/2006/spreadsheetDrawing" xmlns:a="http://schemas.openxmlformats.org/drawingml/2006/main">
  <xdr:twoCellAnchor editAs="oneCell">
    <xdr:from>
      <xdr:col>19</xdr:col>
      <xdr:colOff>381000</xdr:colOff>
      <xdr:row>0</xdr:row>
      <xdr:rowOff>11906</xdr:rowOff>
    </xdr:from>
    <xdr:to>
      <xdr:col>21</xdr:col>
      <xdr:colOff>673782</xdr:colOff>
      <xdr:row>1</xdr:row>
      <xdr:rowOff>111668</xdr:rowOff>
    </xdr:to>
    <xdr:pic>
      <xdr:nvPicPr>
        <xdr:cNvPr id="3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442406" y="11906"/>
          <a:ext cx="1697720" cy="421231"/>
        </a:xfrm>
        <a:prstGeom prst="rect">
          <a:avLst/>
        </a:prstGeom>
        <a:noFill/>
      </xdr:spPr>
    </xdr:pic>
    <xdr:clientData/>
  </xdr:twoCellAnchor>
</xdr:wsDr>
</file>

<file path=xl/drawings/drawing14.xml><?xml version="1.0" encoding="utf-8"?>
<xdr:wsDr xmlns:xdr="http://schemas.openxmlformats.org/drawingml/2006/spreadsheetDrawing" xmlns:a="http://schemas.openxmlformats.org/drawingml/2006/main">
  <xdr:twoCellAnchor editAs="oneCell">
    <xdr:from>
      <xdr:col>19</xdr:col>
      <xdr:colOff>357188</xdr:colOff>
      <xdr:row>0</xdr:row>
      <xdr:rowOff>59532</xdr:rowOff>
    </xdr:from>
    <xdr:to>
      <xdr:col>21</xdr:col>
      <xdr:colOff>649970</xdr:colOff>
      <xdr:row>2</xdr:row>
      <xdr:rowOff>111669</xdr:rowOff>
    </xdr:to>
    <xdr:pic>
      <xdr:nvPicPr>
        <xdr:cNvPr id="2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418594" y="59532"/>
          <a:ext cx="1697720" cy="421231"/>
        </a:xfrm>
        <a:prstGeom prst="rect">
          <a:avLst/>
        </a:prstGeom>
        <a:noFill/>
      </xdr:spPr>
    </xdr:pic>
    <xdr:clientData/>
  </xdr:twoCellAnchor>
</xdr:wsDr>
</file>

<file path=xl/drawings/drawing15.xml><?xml version="1.0" encoding="utf-8"?>
<xdr:wsDr xmlns:xdr="http://schemas.openxmlformats.org/drawingml/2006/spreadsheetDrawing" xmlns:a="http://schemas.openxmlformats.org/drawingml/2006/main">
  <xdr:twoCellAnchor editAs="oneCell">
    <xdr:from>
      <xdr:col>19</xdr:col>
      <xdr:colOff>333375</xdr:colOff>
      <xdr:row>0</xdr:row>
      <xdr:rowOff>59532</xdr:rowOff>
    </xdr:from>
    <xdr:to>
      <xdr:col>21</xdr:col>
      <xdr:colOff>626157</xdr:colOff>
      <xdr:row>2</xdr:row>
      <xdr:rowOff>111669</xdr:rowOff>
    </xdr:to>
    <xdr:pic>
      <xdr:nvPicPr>
        <xdr:cNvPr id="2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454313" y="59532"/>
          <a:ext cx="1697719" cy="421231"/>
        </a:xfrm>
        <a:prstGeom prst="rect">
          <a:avLst/>
        </a:prstGeom>
        <a:noFill/>
      </xdr:spPr>
    </xdr:pic>
    <xdr:clientData/>
  </xdr:twoCellAnchor>
</xdr:wsDr>
</file>

<file path=xl/drawings/drawing16.xml><?xml version="1.0" encoding="utf-8"?>
<xdr:wsDr xmlns:xdr="http://schemas.openxmlformats.org/drawingml/2006/spreadsheetDrawing" xmlns:a="http://schemas.openxmlformats.org/drawingml/2006/main">
  <xdr:twoCellAnchor editAs="oneCell">
    <xdr:from>
      <xdr:col>10</xdr:col>
      <xdr:colOff>792956</xdr:colOff>
      <xdr:row>0</xdr:row>
      <xdr:rowOff>47625</xdr:rowOff>
    </xdr:from>
    <xdr:to>
      <xdr:col>12</xdr:col>
      <xdr:colOff>685688</xdr:colOff>
      <xdr:row>2</xdr:row>
      <xdr:rowOff>145006</xdr:rowOff>
    </xdr:to>
    <xdr:pic>
      <xdr:nvPicPr>
        <xdr:cNvPr id="2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1699081" y="47625"/>
          <a:ext cx="1702482" cy="430756"/>
        </a:xfrm>
        <a:prstGeom prst="rect">
          <a:avLst/>
        </a:prstGeom>
        <a:noFill/>
      </xdr:spPr>
    </xdr:pic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>
      <xdr:col>7</xdr:col>
      <xdr:colOff>552450</xdr:colOff>
      <xdr:row>0</xdr:row>
      <xdr:rowOff>76201</xdr:rowOff>
    </xdr:from>
    <xdr:to>
      <xdr:col>9</xdr:col>
      <xdr:colOff>411955</xdr:colOff>
      <xdr:row>1</xdr:row>
      <xdr:rowOff>123825</xdr:rowOff>
    </xdr:to>
    <xdr:pic>
      <xdr:nvPicPr>
        <xdr:cNvPr id="2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4819650" y="76201"/>
          <a:ext cx="1257299" cy="314324"/>
        </a:xfrm>
        <a:prstGeom prst="rect">
          <a:avLst/>
        </a:prstGeom>
        <a:noFill/>
      </xdr:spPr>
    </xdr:pic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 editAs="oneCell">
    <xdr:from>
      <xdr:col>20</xdr:col>
      <xdr:colOff>66675</xdr:colOff>
      <xdr:row>0</xdr:row>
      <xdr:rowOff>47625</xdr:rowOff>
    </xdr:from>
    <xdr:to>
      <xdr:col>22</xdr:col>
      <xdr:colOff>557895</xdr:colOff>
      <xdr:row>2</xdr:row>
      <xdr:rowOff>99762</xdr:rowOff>
    </xdr:to>
    <xdr:pic>
      <xdr:nvPicPr>
        <xdr:cNvPr id="2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3354050" y="47625"/>
          <a:ext cx="1681845" cy="421231"/>
        </a:xfrm>
        <a:prstGeom prst="rect">
          <a:avLst/>
        </a:prstGeom>
        <a:noFill/>
      </xdr:spPr>
    </xdr:pic>
    <xdr:clientData/>
  </xdr:twoCellAnchor>
  <xdr:twoCellAnchor editAs="oneCell">
    <xdr:from>
      <xdr:col>20</xdr:col>
      <xdr:colOff>59531</xdr:colOff>
      <xdr:row>84</xdr:row>
      <xdr:rowOff>63500</xdr:rowOff>
    </xdr:from>
    <xdr:to>
      <xdr:col>22</xdr:col>
      <xdr:colOff>555513</xdr:colOff>
      <xdr:row>86</xdr:row>
      <xdr:rowOff>151356</xdr:rowOff>
    </xdr:to>
    <xdr:pic>
      <xdr:nvPicPr>
        <xdr:cNvPr id="3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3346906" y="12684125"/>
          <a:ext cx="1686607" cy="421231"/>
        </a:xfrm>
        <a:prstGeom prst="rect">
          <a:avLst/>
        </a:prstGeom>
        <a:noFill/>
      </xdr:spPr>
    </xdr:pic>
    <xdr:clientData/>
  </xdr:twoCellAnchor>
  <xdr:twoCellAnchor editAs="oneCell">
    <xdr:from>
      <xdr:col>20</xdr:col>
      <xdr:colOff>0</xdr:colOff>
      <xdr:row>167</xdr:row>
      <xdr:rowOff>63500</xdr:rowOff>
    </xdr:from>
    <xdr:to>
      <xdr:col>22</xdr:col>
      <xdr:colOff>495982</xdr:colOff>
      <xdr:row>170</xdr:row>
      <xdr:rowOff>56106</xdr:rowOff>
    </xdr:to>
    <xdr:pic>
      <xdr:nvPicPr>
        <xdr:cNvPr id="4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3398500" y="19351625"/>
          <a:ext cx="1702482" cy="421231"/>
        </a:xfrm>
        <a:prstGeom prst="rect">
          <a:avLst/>
        </a:prstGeom>
        <a:noFill/>
      </xdr:spPr>
    </xdr:pic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 editAs="oneCell">
    <xdr:from>
      <xdr:col>19</xdr:col>
      <xdr:colOff>333375</xdr:colOff>
      <xdr:row>0</xdr:row>
      <xdr:rowOff>59531</xdr:rowOff>
    </xdr:from>
    <xdr:to>
      <xdr:col>21</xdr:col>
      <xdr:colOff>626157</xdr:colOff>
      <xdr:row>2</xdr:row>
      <xdr:rowOff>111668</xdr:rowOff>
    </xdr:to>
    <xdr:pic>
      <xdr:nvPicPr>
        <xdr:cNvPr id="2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394781" y="59531"/>
          <a:ext cx="1697720" cy="421231"/>
        </a:xfrm>
        <a:prstGeom prst="rect">
          <a:avLst/>
        </a:prstGeom>
        <a:noFill/>
      </xdr:spPr>
    </xdr:pic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 editAs="oneCell">
    <xdr:from>
      <xdr:col>19</xdr:col>
      <xdr:colOff>381000</xdr:colOff>
      <xdr:row>0</xdr:row>
      <xdr:rowOff>35718</xdr:rowOff>
    </xdr:from>
    <xdr:to>
      <xdr:col>21</xdr:col>
      <xdr:colOff>673782</xdr:colOff>
      <xdr:row>2</xdr:row>
      <xdr:rowOff>87855</xdr:rowOff>
    </xdr:to>
    <xdr:pic>
      <xdr:nvPicPr>
        <xdr:cNvPr id="2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418594" y="35718"/>
          <a:ext cx="1697719" cy="421231"/>
        </a:xfrm>
        <a:prstGeom prst="rect">
          <a:avLst/>
        </a:prstGeom>
        <a:noFill/>
      </xdr:spPr>
    </xdr:pic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 editAs="oneCell">
    <xdr:from>
      <xdr:col>19</xdr:col>
      <xdr:colOff>357188</xdr:colOff>
      <xdr:row>0</xdr:row>
      <xdr:rowOff>47625</xdr:rowOff>
    </xdr:from>
    <xdr:to>
      <xdr:col>21</xdr:col>
      <xdr:colOff>649970</xdr:colOff>
      <xdr:row>2</xdr:row>
      <xdr:rowOff>99762</xdr:rowOff>
    </xdr:to>
    <xdr:pic>
      <xdr:nvPicPr>
        <xdr:cNvPr id="2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478126" y="47625"/>
          <a:ext cx="1697719" cy="421231"/>
        </a:xfrm>
        <a:prstGeom prst="rect">
          <a:avLst/>
        </a:prstGeom>
        <a:noFill/>
      </xdr:spPr>
    </xdr:pic>
    <xdr:clientData/>
  </xdr:twoCellAnchor>
</xdr:wsDr>
</file>

<file path=xl/drawings/drawing7.xml><?xml version="1.0" encoding="utf-8"?>
<xdr:wsDr xmlns:xdr="http://schemas.openxmlformats.org/drawingml/2006/spreadsheetDrawing" xmlns:a="http://schemas.openxmlformats.org/drawingml/2006/main">
  <xdr:twoCellAnchor editAs="oneCell">
    <xdr:from>
      <xdr:col>19</xdr:col>
      <xdr:colOff>404813</xdr:colOff>
      <xdr:row>0</xdr:row>
      <xdr:rowOff>23812</xdr:rowOff>
    </xdr:from>
    <xdr:to>
      <xdr:col>21</xdr:col>
      <xdr:colOff>697595</xdr:colOff>
      <xdr:row>2</xdr:row>
      <xdr:rowOff>75949</xdr:rowOff>
    </xdr:to>
    <xdr:pic>
      <xdr:nvPicPr>
        <xdr:cNvPr id="2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525751" y="23812"/>
          <a:ext cx="1697719" cy="421231"/>
        </a:xfrm>
        <a:prstGeom prst="rect">
          <a:avLst/>
        </a:prstGeom>
        <a:noFill/>
      </xdr:spPr>
    </xdr:pic>
    <xdr:clientData/>
  </xdr:twoCellAnchor>
</xdr:wsDr>
</file>

<file path=xl/drawings/drawing8.xml><?xml version="1.0" encoding="utf-8"?>
<xdr:wsDr xmlns:xdr="http://schemas.openxmlformats.org/drawingml/2006/spreadsheetDrawing" xmlns:a="http://schemas.openxmlformats.org/drawingml/2006/main">
  <xdr:twoCellAnchor editAs="oneCell">
    <xdr:from>
      <xdr:col>19</xdr:col>
      <xdr:colOff>357188</xdr:colOff>
      <xdr:row>0</xdr:row>
      <xdr:rowOff>59531</xdr:rowOff>
    </xdr:from>
    <xdr:to>
      <xdr:col>21</xdr:col>
      <xdr:colOff>649970</xdr:colOff>
      <xdr:row>2</xdr:row>
      <xdr:rowOff>111668</xdr:rowOff>
    </xdr:to>
    <xdr:pic>
      <xdr:nvPicPr>
        <xdr:cNvPr id="2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478126" y="59531"/>
          <a:ext cx="1697719" cy="421231"/>
        </a:xfrm>
        <a:prstGeom prst="rect">
          <a:avLst/>
        </a:prstGeom>
        <a:noFill/>
      </xdr:spPr>
    </xdr:pic>
    <xdr:clientData/>
  </xdr:twoCellAnchor>
</xdr:wsDr>
</file>

<file path=xl/drawings/drawing9.xml><?xml version="1.0" encoding="utf-8"?>
<xdr:wsDr xmlns:xdr="http://schemas.openxmlformats.org/drawingml/2006/spreadsheetDrawing" xmlns:a="http://schemas.openxmlformats.org/drawingml/2006/main">
  <xdr:twoCellAnchor editAs="oneCell">
    <xdr:from>
      <xdr:col>19</xdr:col>
      <xdr:colOff>345281</xdr:colOff>
      <xdr:row>0</xdr:row>
      <xdr:rowOff>59531</xdr:rowOff>
    </xdr:from>
    <xdr:to>
      <xdr:col>21</xdr:col>
      <xdr:colOff>657113</xdr:colOff>
      <xdr:row>2</xdr:row>
      <xdr:rowOff>111668</xdr:rowOff>
    </xdr:to>
    <xdr:pic>
      <xdr:nvPicPr>
        <xdr:cNvPr id="2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418594" y="59531"/>
          <a:ext cx="1692957" cy="421231"/>
        </a:xfrm>
        <a:prstGeom prst="rect">
          <a:avLst/>
        </a:prstGeom>
        <a:noFill/>
      </xdr:spPr>
    </xdr:pic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Estudos%20Econ&#244;micos/GES/TARIFA%2012-13/PLANILHA%20TARIF&#193;RIA%20-%20inicial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REVIS&#195;O%20EDITAL%202017/FLUXOS%20DE%20CAIXA/Dimensionamento%20V.4%20-%2018ago17/Fluxo%20-SEM%20RESERVA%20T&#201;CNICA%20v18ago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/REVIS&#195;O%20CONSULTA/Fluxo%20-SEM%20RESERVA%20T&#201;CNICA%20v18abr18%20%20-%20rev%20pre&#231;os%20-%20AJUSTE%20DIESEL%20EY%20-%20REV2.xls" TargetMode="External"/></Relationships>
</file>

<file path=xl/externalLinks/externalLink1.xml><?xml version="1.0" encoding="utf-8"?>
<externalLink xmlns="http://schemas.openxmlformats.org/spreadsheetml/2006/main">
  <externalBook xmlns:r="http://schemas.openxmlformats.org/officeDocument/2006/relationships" r:id="rId1">
    <sheetNames>
      <sheetName val="planilha 10"/>
      <sheetName val="QUADRO"/>
      <sheetName val="FLUXO"/>
      <sheetName val="remuneração permissão"/>
      <sheetName val="comparativo - total"/>
      <sheetName val="desp adm PERMISSÃO "/>
      <sheetName val="desp adm. CONCESSÃO"/>
      <sheetName val="INFLAÇÃO"/>
      <sheetName val="ORÇAMENTO 11"/>
      <sheetName val="quadros de alternativa"/>
      <sheetName val="FLUXO (2)"/>
      <sheetName val="fluxo empresa"/>
      <sheetName val="fluxo empresa (2)"/>
      <sheetName val="Plan3"/>
      <sheetName val="ESTUDOS cesta red"/>
      <sheetName val="ESTUDOS -mdo - proposta spur"/>
      <sheetName val="ESTUDOS - proposta spurb2"/>
      <sheetName val="ESTUDOS - proposta a"/>
      <sheetName val="recursos"/>
      <sheetName val="Plan5"/>
      <sheetName val="Plan2"/>
      <sheetName val="Plan1"/>
      <sheetName val="ESTUDOS - proposta final"/>
      <sheetName val="ESTUDOS"/>
      <sheetName val="salários"/>
      <sheetName val="Plan4"/>
      <sheetName val="ENTRADA"/>
      <sheetName val="2010"/>
      <sheetName val="Quadro 1 - final"/>
      <sheetName val="Quadro 2"/>
      <sheetName val="Quadro 3"/>
      <sheetName val="Quadro 4 resumo"/>
      <sheetName val="Quadro 5"/>
      <sheetName val="Quadro 6"/>
      <sheetName val="Parâmetros"/>
      <sheetName val="Bco Semanal"/>
      <sheetName val="DEPR E REM"/>
      <sheetName val="ALTERNATIVAS"/>
      <sheetName val="banco atual"/>
      <sheetName val="renovação 2003"/>
      <sheetName val="renovação 50%"/>
      <sheetName val="renovação"/>
    </sheetNames>
    <sheetDataSet>
      <sheetData sheetId="0">
        <row r="4">
          <cell r="C4" t="str">
            <v>SISTEMA</v>
          </cell>
        </row>
      </sheetData>
      <sheetData sheetId="1"/>
      <sheetData sheetId="2">
        <row r="4">
          <cell r="C4">
            <v>81554819.327330455</v>
          </cell>
        </row>
      </sheetData>
      <sheetData sheetId="3"/>
      <sheetData sheetId="4">
        <row r="4">
          <cell r="C4" t="str">
            <v>medida</v>
          </cell>
        </row>
      </sheetData>
      <sheetData sheetId="5">
        <row r="4">
          <cell r="C4" t="str">
            <v>Veículos</v>
          </cell>
        </row>
      </sheetData>
      <sheetData sheetId="6">
        <row r="4">
          <cell r="C4" t="str">
            <v>Veículos</v>
          </cell>
        </row>
      </sheetData>
      <sheetData sheetId="7">
        <row r="4">
          <cell r="C4">
            <v>0.7</v>
          </cell>
        </row>
      </sheetData>
      <sheetData sheetId="8"/>
      <sheetData sheetId="9"/>
      <sheetData sheetId="10">
        <row r="4">
          <cell r="C4">
            <v>81554819.327330455</v>
          </cell>
        </row>
      </sheetData>
      <sheetData sheetId="11">
        <row r="4">
          <cell r="C4">
            <v>81554819.327330455</v>
          </cell>
        </row>
      </sheetData>
      <sheetData sheetId="12">
        <row r="4">
          <cell r="C4">
            <v>81554819.327330455</v>
          </cell>
        </row>
      </sheetData>
      <sheetData sheetId="13"/>
      <sheetData sheetId="14">
        <row r="4">
          <cell r="C4" t="str">
            <v>remuneração*</v>
          </cell>
        </row>
      </sheetData>
      <sheetData sheetId="15">
        <row r="4">
          <cell r="C4" t="str">
            <v>b</v>
          </cell>
        </row>
      </sheetData>
      <sheetData sheetId="16"/>
      <sheetData sheetId="17">
        <row r="4">
          <cell r="C4">
            <v>29283482.40656824</v>
          </cell>
        </row>
      </sheetData>
      <sheetData sheetId="18">
        <row r="4">
          <cell r="C4" t="str">
            <v>MAIO/12</v>
          </cell>
        </row>
      </sheetData>
      <sheetData sheetId="19">
        <row r="4">
          <cell r="C4">
            <v>159.00468817469621</v>
          </cell>
        </row>
      </sheetData>
      <sheetData sheetId="20">
        <row r="4">
          <cell r="C4">
            <v>2</v>
          </cell>
        </row>
      </sheetData>
      <sheetData sheetId="21">
        <row r="4">
          <cell r="C4">
            <v>801845.55851819657</v>
          </cell>
        </row>
      </sheetData>
      <sheetData sheetId="22">
        <row r="4">
          <cell r="C4">
            <v>29024180.087009165</v>
          </cell>
        </row>
      </sheetData>
      <sheetData sheetId="23">
        <row r="4">
          <cell r="C4" t="str">
            <v>remuneração*</v>
          </cell>
        </row>
      </sheetData>
      <sheetData sheetId="24">
        <row r="4">
          <cell r="C4">
            <v>1328.1654241300841</v>
          </cell>
        </row>
      </sheetData>
      <sheetData sheetId="25">
        <row r="4">
          <cell r="C4" t="str">
            <v>[B]</v>
          </cell>
        </row>
      </sheetData>
      <sheetData sheetId="26"/>
      <sheetData sheetId="27">
        <row r="4">
          <cell r="C4" t="str">
            <v>sistema</v>
          </cell>
        </row>
      </sheetData>
      <sheetData sheetId="28">
        <row r="1">
          <cell r="C1">
            <v>3</v>
          </cell>
        </row>
      </sheetData>
      <sheetData sheetId="29">
        <row r="4">
          <cell r="C4" t="str">
            <v>SALÁRIO MENSAL</v>
          </cell>
        </row>
      </sheetData>
      <sheetData sheetId="30">
        <row r="67">
          <cell r="G67">
            <v>350137.63081477751</v>
          </cell>
        </row>
      </sheetData>
      <sheetData sheetId="31"/>
      <sheetData sheetId="32">
        <row r="67">
          <cell r="G67">
            <v>4.428E-2</v>
          </cell>
        </row>
      </sheetData>
      <sheetData sheetId="33"/>
      <sheetData sheetId="34">
        <row r="4">
          <cell r="C4">
            <v>271</v>
          </cell>
        </row>
      </sheetData>
      <sheetData sheetId="35">
        <row r="4">
          <cell r="C4" t="str">
            <v>senha: banco</v>
          </cell>
        </row>
      </sheetData>
      <sheetData sheetId="36"/>
      <sheetData sheetId="37">
        <row r="4">
          <cell r="C4">
            <v>0.81213666547519359</v>
          </cell>
        </row>
      </sheetData>
      <sheetData sheetId="38"/>
      <sheetData sheetId="39"/>
      <sheetData sheetId="40"/>
      <sheetData sheetId="41"/>
    </sheetDataSet>
  </externalBook>
</externalLink>
</file>

<file path=xl/externalLinks/externalLink2.xml><?xml version="1.0" encoding="utf-8"?>
<externalLink xmlns="http://schemas.openxmlformats.org/spreadsheetml/2006/main">
  <externalBook xmlns:r="http://schemas.openxmlformats.org/officeDocument/2006/relationships" r:id="rId1">
    <sheetNames>
      <sheetName val="Plan1"/>
      <sheetName val="BÁSICO PERMISSÃO"/>
      <sheetName val="MINI PERMISSÃO"/>
      <sheetName val="MIDI PERMISSÃO"/>
      <sheetName val="resumão"/>
      <sheetName val="OPÇÕES"/>
      <sheetName val="dados atuais 10%"/>
      <sheetName val="INVESTIMENTO"/>
      <sheetName val="EQUIP. EMBARCADOS"/>
      <sheetName val="SISTEMAS"/>
      <sheetName val="quadro resumo"/>
      <sheetName val="resumo dos prazos"/>
      <sheetName val="resumo dos prazos RT"/>
      <sheetName val="dados atuais  tirmeta"/>
      <sheetName val="tirmeta - 10 anos"/>
      <sheetName val="tirmeta - 12 anos"/>
      <sheetName val="tirmeta - 15 anos"/>
      <sheetName val="tirmeta - 20 anos"/>
      <sheetName val="dados atuais  ANTERIOR"/>
      <sheetName val="MINI"/>
      <sheetName val="MIDI"/>
      <sheetName val="BÁSICO"/>
      <sheetName val="PADRON LE"/>
      <sheetName val="PADRON LE 15m"/>
      <sheetName val="ARTICULADO"/>
      <sheetName val="ARTICULADO 21"/>
      <sheetName val="ARTICULADO 23"/>
      <sheetName val="BIARTICULADO"/>
      <sheetName val="TROLEBUS"/>
      <sheetName val="TROLEBUS 15M"/>
      <sheetName val="TROLEBUS 15M BATERIA"/>
      <sheetName val="PADRON ETANOL"/>
      <sheetName val="RESIDUAL TRÓLEBUS"/>
      <sheetName val="AUXILIAR FLUXO DE CAIXA"/>
      <sheetName val="HORAS MENSAIS TRABALHADAS"/>
      <sheetName val="PEÇAS E ACESSÓRIOS"/>
      <sheetName val="OPERACIONAL"/>
      <sheetName val="MANUTENÇÃO E FISCALIZAÇÃO"/>
      <sheetName val="ADMINISTRATIVAS"/>
      <sheetName val="diesel e rodagem"/>
      <sheetName val="lubrificantes"/>
      <sheetName val="ALUGUEIS"/>
      <sheetName val="CUSTO POR TIPO DE VEÍCULO FINAL"/>
      <sheetName val="CUSTO POR TIPO DE VEÍCULO"/>
      <sheetName val="CUSTO POR TIPO DE VEÍCULO PERMI"/>
      <sheetName val="Anexo Depr RemCap Inst"/>
      <sheetName val="calculo F.U."/>
      <sheetName val="HORAS NOTURNAS"/>
      <sheetName val="Plan13"/>
    </sheetNames>
    <sheetDataSet>
      <sheetData sheetId="0"/>
      <sheetData sheetId="1"/>
      <sheetData sheetId="2"/>
      <sheetData sheetId="3"/>
      <sheetData sheetId="4"/>
      <sheetData sheetId="5">
        <row r="26">
          <cell r="B26">
            <v>9.9699999999999997E-2</v>
          </cell>
        </row>
      </sheetData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</sheetDataSet>
  </externalBook>
</externalLink>
</file>

<file path=xl/externalLinks/externalLink3.xml><?xml version="1.0" encoding="utf-8"?>
<externalLink xmlns="http://schemas.openxmlformats.org/spreadsheetml/2006/main">
  <externalBook xmlns:r="http://schemas.openxmlformats.org/officeDocument/2006/relationships" r:id="rId1">
    <sheetNames>
      <sheetName val="Plan1"/>
      <sheetName val="BÁSICO PERMISSÃO"/>
      <sheetName val="MINI PERMISSÃO"/>
      <sheetName val="MIDI PERMISSÃO"/>
      <sheetName val="resumão"/>
      <sheetName val="OPÇÕES"/>
      <sheetName val="dados atuais 10%"/>
      <sheetName val="INVESTIMENTO"/>
      <sheetName val="EQUIP. EMBARCADOS"/>
      <sheetName val="administração SPE"/>
      <sheetName val="SISTEMAS"/>
      <sheetName val="quadro resumo"/>
      <sheetName val="resumo dos prazos"/>
      <sheetName val="resumo dos prazos RT"/>
      <sheetName val="dados atuais  tirmeta"/>
      <sheetName val="tirmeta - 10 anos"/>
      <sheetName val="tirmeta - 12 anos"/>
      <sheetName val="tirmeta - 15 anos"/>
      <sheetName val="tirmeta - 20 anos"/>
      <sheetName val="dados atuais  ANTERIOR"/>
      <sheetName val="MINI"/>
      <sheetName val="MIDI"/>
      <sheetName val="BÁSICO"/>
      <sheetName val="PADRON LE"/>
      <sheetName val="PADRON LE 15m"/>
      <sheetName val="ARTICULADO"/>
      <sheetName val="ARTICULADO 21"/>
      <sheetName val="ARTICULADO 23"/>
      <sheetName val="BIARTICULADO"/>
      <sheetName val="TROLEBUS"/>
      <sheetName val="TROLEBUS 15M"/>
      <sheetName val="TROLEBUS 15M BATERIA"/>
      <sheetName val="PADRON ETANOL"/>
      <sheetName val="RESIDUAL TRÓLEBUS"/>
      <sheetName val="AUXILIAR FLUXO DE CAIXA"/>
      <sheetName val="HORAS MENSAIS TRABALHADAS"/>
      <sheetName val="PEÇAS E ACESSÓRIOS"/>
      <sheetName val="OPERACIONAL"/>
      <sheetName val="MANUTENÇÃO E FISCALIZAÇÃO"/>
      <sheetName val="ADMINISTRATIVAS"/>
      <sheetName val="diesel e rodagem"/>
      <sheetName val="lubrificantes"/>
      <sheetName val="ALUGUEIS"/>
      <sheetName val="CUSTO POR TIPO DE VEÍCULO FINAL"/>
      <sheetName val="CUSTO POR TIPO DE VEÍCULO"/>
      <sheetName val="CUSTO POR TIPO DE VEÍCULO PERMI"/>
      <sheetName val="Anexo Depr RemCap Inst"/>
      <sheetName val="calculo F.U."/>
      <sheetName val="HORAS NOTURNAS"/>
      <sheetName val="Plan13"/>
    </sheetNames>
    <sheetDataSet>
      <sheetData sheetId="0"/>
      <sheetData sheetId="1"/>
      <sheetData sheetId="2"/>
      <sheetData sheetId="3"/>
      <sheetData sheetId="4"/>
      <sheetData sheetId="5">
        <row r="26">
          <cell r="B26">
            <v>9.8500000000000004E-2</v>
          </cell>
        </row>
      </sheetData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</sheetDataSet>
  </externalBook>
</externalLink>
</file>

<file path=xl/theme/theme1.xml><?xml version="1.0" encoding="utf-8"?>
<a:theme xmlns:a="http://schemas.openxmlformats.org/drawingml/2006/main" name="Tema do Office">
  <a:themeElements>
    <a:clrScheme name="Escritório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Escritório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Escritório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0.xml"/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1.xml"/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2.xml"/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3.xml"/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4.xml"/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5.xml"/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6.xml"/><Relationship Id="rId1" Type="http://schemas.openxmlformats.org/officeDocument/2006/relationships/printerSettings" Target="../printerSettings/printerSettings16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3.bin"/><Relationship Id="rId4" Type="http://schemas.openxmlformats.org/officeDocument/2006/relationships/comments" Target="../comments1.xml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.xml"/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6.xml"/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7.xml"/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8.xml"/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9.xml"/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>
  <dimension ref="A1:J40"/>
  <sheetViews>
    <sheetView tabSelected="1" view="pageLayout" zoomScaleNormal="100" zoomScaleSheetLayoutView="80" workbookViewId="0">
      <selection activeCell="E31" sqref="E31"/>
    </sheetView>
  </sheetViews>
  <sheetFormatPr defaultRowHeight="15"/>
  <cols>
    <col min="1" max="16384" width="9.140625" style="150"/>
  </cols>
  <sheetData>
    <row r="1" spans="1:10" ht="18.75">
      <c r="A1" s="148"/>
      <c r="B1" s="148"/>
      <c r="C1" s="148"/>
      <c r="D1" s="148"/>
      <c r="E1" s="148"/>
      <c r="F1" s="149"/>
      <c r="G1" s="149"/>
      <c r="H1" s="149"/>
      <c r="I1" s="149"/>
      <c r="J1" s="149"/>
    </row>
    <row r="2" spans="1:10" ht="27.75">
      <c r="A2" s="148"/>
      <c r="B2" s="148"/>
      <c r="C2" s="148"/>
      <c r="D2" s="151" t="s">
        <v>134</v>
      </c>
      <c r="E2" s="151"/>
      <c r="F2" s="151"/>
      <c r="G2" s="151"/>
      <c r="H2" s="149"/>
      <c r="I2" s="149"/>
      <c r="J2" s="149"/>
    </row>
    <row r="3" spans="1:10" ht="18.75">
      <c r="A3" s="148"/>
      <c r="B3" s="148"/>
      <c r="C3" s="148"/>
      <c r="D3" s="148"/>
      <c r="E3" s="148"/>
      <c r="F3" s="149"/>
      <c r="G3" s="149"/>
      <c r="H3" s="149"/>
      <c r="I3" s="149"/>
      <c r="J3" s="149"/>
    </row>
    <row r="4" spans="1:10" ht="27.75">
      <c r="A4" s="152" t="s">
        <v>133</v>
      </c>
      <c r="B4" s="152"/>
      <c r="C4" s="152"/>
      <c r="D4" s="152"/>
      <c r="E4" s="152"/>
      <c r="F4" s="152"/>
      <c r="G4" s="152"/>
      <c r="H4" s="152"/>
      <c r="I4" s="152"/>
      <c r="J4" s="152"/>
    </row>
    <row r="5" spans="1:10" ht="27.75" customHeight="1">
      <c r="A5" s="153" t="s">
        <v>135</v>
      </c>
      <c r="B5" s="153"/>
      <c r="C5" s="153"/>
      <c r="D5" s="153"/>
      <c r="E5" s="153"/>
      <c r="F5" s="153"/>
      <c r="G5" s="153"/>
      <c r="H5" s="153"/>
      <c r="I5" s="153"/>
      <c r="J5" s="153"/>
    </row>
    <row r="6" spans="1:10" ht="27.75" customHeight="1">
      <c r="A6" s="153"/>
      <c r="B6" s="153"/>
      <c r="C6" s="153"/>
      <c r="D6" s="153"/>
      <c r="E6" s="153"/>
      <c r="F6" s="153"/>
      <c r="G6" s="153"/>
      <c r="H6" s="153"/>
      <c r="I6" s="153"/>
      <c r="J6" s="153"/>
    </row>
    <row r="7" spans="1:10" ht="27.75">
      <c r="A7" s="152"/>
      <c r="B7" s="152"/>
      <c r="C7" s="152"/>
      <c r="D7" s="152"/>
      <c r="E7" s="152"/>
      <c r="F7" s="152"/>
      <c r="G7" s="152"/>
      <c r="H7" s="152"/>
      <c r="I7" s="152"/>
      <c r="J7" s="152"/>
    </row>
    <row r="8" spans="1:10" ht="18.75">
      <c r="A8" s="148"/>
      <c r="B8" s="148"/>
      <c r="C8" s="148"/>
      <c r="D8" s="148"/>
      <c r="E8" s="148"/>
      <c r="F8" s="149"/>
      <c r="G8" s="149"/>
      <c r="H8" s="149"/>
      <c r="I8" s="149"/>
      <c r="J8" s="149"/>
    </row>
    <row r="9" spans="1:10" ht="18.75">
      <c r="A9" s="148"/>
      <c r="B9" s="148"/>
      <c r="C9" s="148"/>
      <c r="D9" s="148"/>
      <c r="E9" s="148"/>
      <c r="F9" s="149"/>
      <c r="G9" s="149"/>
      <c r="H9" s="149"/>
      <c r="I9" s="149"/>
      <c r="J9" s="149"/>
    </row>
    <row r="10" spans="1:10" ht="18.75">
      <c r="A10" s="148"/>
      <c r="B10" s="148"/>
      <c r="C10" s="148"/>
      <c r="D10" s="148"/>
      <c r="E10" s="148"/>
      <c r="F10" s="149"/>
      <c r="G10" s="149"/>
      <c r="H10" s="149"/>
      <c r="I10" s="149"/>
      <c r="J10" s="149"/>
    </row>
    <row r="11" spans="1:10" ht="27.75">
      <c r="A11" s="152"/>
      <c r="B11" s="152"/>
      <c r="C11" s="152"/>
      <c r="D11" s="152"/>
      <c r="E11" s="152"/>
      <c r="F11" s="152"/>
      <c r="G11" s="152"/>
      <c r="H11" s="152"/>
      <c r="I11" s="152"/>
      <c r="J11" s="152"/>
    </row>
    <row r="12" spans="1:10" ht="27.75">
      <c r="A12" s="152"/>
      <c r="B12" s="152"/>
      <c r="C12" s="152"/>
      <c r="D12" s="152"/>
      <c r="E12" s="152"/>
      <c r="F12" s="152"/>
      <c r="G12" s="152"/>
      <c r="H12" s="152"/>
      <c r="I12" s="152"/>
      <c r="J12" s="152"/>
    </row>
    <row r="13" spans="1:10" ht="27.75">
      <c r="A13" s="152"/>
      <c r="B13" s="152"/>
      <c r="C13" s="152"/>
      <c r="D13" s="152"/>
      <c r="E13" s="152"/>
      <c r="F13" s="152"/>
      <c r="G13" s="152"/>
      <c r="H13" s="152"/>
      <c r="I13" s="152"/>
      <c r="J13" s="152"/>
    </row>
    <row r="14" spans="1:10">
      <c r="A14" s="154"/>
      <c r="B14" s="154"/>
      <c r="C14" s="154"/>
      <c r="D14" s="154"/>
      <c r="E14" s="154"/>
      <c r="F14" s="154"/>
      <c r="G14" s="154"/>
      <c r="H14" s="154"/>
      <c r="I14" s="154"/>
      <c r="J14" s="154"/>
    </row>
    <row r="15" spans="1:10">
      <c r="A15" s="154"/>
      <c r="B15" s="154"/>
      <c r="C15" s="154"/>
      <c r="D15" s="154"/>
      <c r="E15" s="154"/>
      <c r="F15" s="154"/>
      <c r="G15" s="154"/>
      <c r="H15" s="154"/>
      <c r="I15" s="154"/>
      <c r="J15" s="154"/>
    </row>
    <row r="16" spans="1:10">
      <c r="A16" s="154"/>
      <c r="B16" s="154"/>
      <c r="C16" s="154"/>
      <c r="D16" s="154"/>
      <c r="E16" s="154"/>
      <c r="F16" s="154"/>
      <c r="G16" s="154"/>
      <c r="H16" s="154"/>
      <c r="I16" s="154"/>
      <c r="J16" s="154"/>
    </row>
    <row r="17" spans="1:10" ht="18.75">
      <c r="A17" s="148"/>
      <c r="B17" s="148"/>
      <c r="C17" s="148"/>
      <c r="D17" s="148"/>
      <c r="E17" s="148"/>
      <c r="F17" s="149"/>
      <c r="G17" s="149"/>
      <c r="H17" s="149"/>
      <c r="I17" s="149"/>
      <c r="J17" s="149"/>
    </row>
    <row r="18" spans="1:10" ht="18.75">
      <c r="A18" s="148"/>
      <c r="B18" s="148"/>
      <c r="C18" s="148"/>
      <c r="D18" s="148"/>
      <c r="E18" s="148"/>
      <c r="F18" s="149"/>
      <c r="G18" s="149"/>
      <c r="H18" s="149"/>
      <c r="I18" s="149"/>
      <c r="J18" s="149"/>
    </row>
    <row r="19" spans="1:10" ht="18.75">
      <c r="A19" s="148"/>
      <c r="B19" s="148"/>
      <c r="C19" s="148"/>
      <c r="D19" s="148"/>
      <c r="E19" s="148"/>
      <c r="F19" s="149"/>
      <c r="G19" s="149"/>
      <c r="H19" s="149"/>
      <c r="I19" s="149"/>
      <c r="J19" s="149"/>
    </row>
    <row r="20" spans="1:10" ht="18.75">
      <c r="A20" s="148"/>
      <c r="B20" s="148"/>
      <c r="C20" s="148"/>
      <c r="D20" s="148"/>
      <c r="E20" s="148"/>
      <c r="F20" s="149"/>
      <c r="G20" s="149"/>
      <c r="H20" s="149"/>
      <c r="I20" s="149"/>
      <c r="J20" s="149"/>
    </row>
    <row r="21" spans="1:10" ht="18.75">
      <c r="A21" s="148"/>
      <c r="B21" s="148"/>
      <c r="C21" s="148"/>
      <c r="D21" s="148"/>
      <c r="E21" s="148"/>
      <c r="F21" s="149"/>
      <c r="G21" s="149"/>
      <c r="H21" s="149"/>
      <c r="I21" s="149"/>
      <c r="J21" s="149"/>
    </row>
    <row r="22" spans="1:10">
      <c r="A22" s="154"/>
      <c r="B22" s="154"/>
      <c r="C22" s="154"/>
      <c r="D22" s="154"/>
      <c r="E22" s="154"/>
      <c r="F22" s="154"/>
      <c r="G22" s="154"/>
      <c r="H22" s="154"/>
      <c r="I22" s="154"/>
      <c r="J22" s="154"/>
    </row>
    <row r="23" spans="1:10">
      <c r="A23" s="154"/>
      <c r="B23" s="154"/>
      <c r="C23" s="154"/>
      <c r="D23" s="154"/>
      <c r="E23" s="154"/>
      <c r="F23" s="154"/>
      <c r="G23" s="154"/>
      <c r="H23" s="154"/>
      <c r="I23" s="154"/>
      <c r="J23" s="154"/>
    </row>
    <row r="24" spans="1:10">
      <c r="A24" s="154"/>
      <c r="B24" s="154"/>
      <c r="C24" s="154"/>
      <c r="D24" s="154"/>
      <c r="E24" s="154"/>
      <c r="F24" s="154"/>
      <c r="G24" s="154"/>
      <c r="H24" s="154"/>
      <c r="I24" s="154"/>
      <c r="J24" s="154"/>
    </row>
    <row r="25" spans="1:10">
      <c r="A25" s="154"/>
      <c r="B25" s="154"/>
      <c r="C25" s="154"/>
      <c r="D25" s="154"/>
      <c r="E25" s="154"/>
      <c r="F25" s="154"/>
      <c r="G25" s="154"/>
      <c r="H25" s="154"/>
      <c r="I25" s="154"/>
      <c r="J25" s="154"/>
    </row>
    <row r="26" spans="1:10">
      <c r="A26" s="154"/>
      <c r="B26" s="154"/>
      <c r="C26" s="154"/>
      <c r="D26" s="154"/>
      <c r="E26" s="154"/>
      <c r="F26" s="154"/>
      <c r="G26" s="154"/>
      <c r="H26" s="154"/>
      <c r="I26" s="154"/>
      <c r="J26" s="154"/>
    </row>
    <row r="27" spans="1:10">
      <c r="A27" s="154"/>
      <c r="B27" s="154"/>
      <c r="C27" s="154"/>
      <c r="D27" s="154"/>
      <c r="E27" s="154"/>
      <c r="F27" s="154"/>
      <c r="G27" s="154"/>
      <c r="H27" s="154"/>
      <c r="I27" s="154"/>
      <c r="J27" s="154"/>
    </row>
    <row r="28" spans="1:10">
      <c r="A28" s="154"/>
      <c r="B28" s="154"/>
      <c r="C28" s="154"/>
      <c r="D28" s="154"/>
      <c r="E28" s="154"/>
      <c r="F28" s="154"/>
      <c r="G28" s="154"/>
      <c r="H28" s="154"/>
      <c r="I28" s="154"/>
      <c r="J28" s="154"/>
    </row>
    <row r="29" spans="1:10">
      <c r="A29" s="154"/>
      <c r="B29" s="154"/>
      <c r="C29" s="154"/>
      <c r="D29" s="154"/>
      <c r="E29" s="154"/>
      <c r="F29" s="154"/>
      <c r="G29" s="154"/>
      <c r="H29" s="154"/>
      <c r="I29" s="154"/>
      <c r="J29" s="154"/>
    </row>
    <row r="30" spans="1:10">
      <c r="A30" s="154"/>
      <c r="B30" s="154"/>
      <c r="C30" s="154"/>
      <c r="D30" s="154"/>
      <c r="E30" s="154"/>
      <c r="F30" s="154"/>
      <c r="G30" s="154"/>
      <c r="H30" s="154"/>
      <c r="I30" s="154"/>
      <c r="J30" s="154"/>
    </row>
    <row r="31" spans="1:10">
      <c r="A31" s="154"/>
      <c r="B31" s="154"/>
      <c r="C31" s="154"/>
      <c r="D31" s="154"/>
      <c r="E31" s="154"/>
      <c r="F31" s="154"/>
      <c r="G31" s="154"/>
      <c r="H31" s="154"/>
      <c r="I31" s="154"/>
      <c r="J31" s="154"/>
    </row>
    <row r="32" spans="1:10">
      <c r="A32" s="154"/>
      <c r="B32" s="154"/>
      <c r="C32" s="154"/>
      <c r="D32" s="154"/>
      <c r="E32" s="154"/>
      <c r="F32" s="154"/>
      <c r="G32" s="154"/>
      <c r="H32" s="154"/>
      <c r="I32" s="154"/>
      <c r="J32" s="154"/>
    </row>
    <row r="33" spans="1:10">
      <c r="A33" s="154"/>
      <c r="B33" s="154"/>
      <c r="C33" s="154"/>
      <c r="D33" s="154"/>
      <c r="E33" s="154"/>
      <c r="F33" s="154"/>
      <c r="G33" s="154"/>
      <c r="H33" s="154"/>
      <c r="I33" s="154"/>
      <c r="J33" s="154"/>
    </row>
    <row r="34" spans="1:10">
      <c r="A34" s="154"/>
      <c r="B34" s="154"/>
      <c r="C34" s="154"/>
      <c r="D34" s="154"/>
      <c r="E34" s="154"/>
      <c r="F34" s="154"/>
      <c r="G34" s="154"/>
      <c r="H34" s="154"/>
      <c r="I34" s="154"/>
      <c r="J34" s="154"/>
    </row>
    <row r="35" spans="1:10">
      <c r="A35" s="154"/>
      <c r="B35" s="154"/>
      <c r="C35" s="154"/>
      <c r="D35" s="154"/>
      <c r="E35" s="154"/>
      <c r="F35" s="154"/>
      <c r="G35" s="154"/>
      <c r="H35" s="154"/>
      <c r="I35" s="154"/>
      <c r="J35" s="154"/>
    </row>
    <row r="36" spans="1:10">
      <c r="A36" s="154"/>
      <c r="B36" s="154"/>
      <c r="C36" s="154"/>
      <c r="D36" s="154"/>
      <c r="E36" s="154"/>
      <c r="F36" s="154"/>
      <c r="G36" s="154"/>
      <c r="H36" s="154"/>
      <c r="I36" s="154"/>
      <c r="J36" s="154"/>
    </row>
    <row r="37" spans="1:10">
      <c r="A37" s="154"/>
      <c r="B37" s="154"/>
      <c r="C37" s="154"/>
      <c r="D37" s="154"/>
      <c r="E37" s="154"/>
      <c r="F37" s="154"/>
      <c r="G37" s="154"/>
      <c r="H37" s="154"/>
      <c r="I37" s="154"/>
      <c r="J37" s="154"/>
    </row>
    <row r="38" spans="1:10">
      <c r="A38" s="154"/>
      <c r="B38" s="154"/>
      <c r="C38" s="154"/>
      <c r="D38" s="154"/>
      <c r="E38" s="154"/>
      <c r="F38" s="154"/>
      <c r="G38" s="154"/>
      <c r="H38" s="154"/>
      <c r="I38" s="154"/>
      <c r="J38" s="154"/>
    </row>
    <row r="39" spans="1:10">
      <c r="A39" s="154"/>
      <c r="B39" s="154"/>
      <c r="C39" s="154"/>
      <c r="D39" s="154"/>
      <c r="E39" s="154"/>
      <c r="F39" s="154"/>
      <c r="G39" s="154"/>
      <c r="H39" s="154"/>
      <c r="I39" s="154"/>
      <c r="J39" s="154"/>
    </row>
    <row r="40" spans="1:10">
      <c r="A40" s="154"/>
      <c r="B40" s="154"/>
      <c r="C40" s="154"/>
      <c r="D40" s="154"/>
      <c r="E40" s="154"/>
      <c r="F40" s="154"/>
      <c r="G40" s="154"/>
      <c r="H40" s="154"/>
      <c r="I40" s="154"/>
      <c r="J40" s="154"/>
    </row>
  </sheetData>
  <mergeCells count="7">
    <mergeCell ref="D2:G2"/>
    <mergeCell ref="A7:J7"/>
    <mergeCell ref="A11:J11"/>
    <mergeCell ref="A12:J12"/>
    <mergeCell ref="A13:J13"/>
    <mergeCell ref="A4:J4"/>
    <mergeCell ref="A5:J6"/>
  </mergeCells>
  <pageMargins left="0.70833333333333337" right="0.511811024" top="0.78740157499999996" bottom="0.78740157499999996" header="0.31496062000000002" footer="0.31496062000000002"/>
  <pageSetup paperSize="9" orientation="portrait" r:id="rId1"/>
  <drawing r:id="rId2"/>
</worksheet>
</file>

<file path=xl/worksheets/sheet10.xml><?xml version="1.0" encoding="utf-8"?>
<worksheet xmlns="http://schemas.openxmlformats.org/spreadsheetml/2006/main" xmlns:r="http://schemas.openxmlformats.org/officeDocument/2006/relationships">
  <sheetPr codeName="Plan40"/>
  <dimension ref="A1:V88"/>
  <sheetViews>
    <sheetView view="pageBreakPreview" topLeftCell="A49" zoomScale="80" zoomScaleNormal="100" zoomScaleSheetLayoutView="80" workbookViewId="0">
      <selection activeCell="K89" sqref="K89"/>
    </sheetView>
  </sheetViews>
  <sheetFormatPr defaultRowHeight="11.25"/>
  <cols>
    <col min="1" max="1" width="34.85546875" style="2" customWidth="1"/>
    <col min="2" max="2" width="11.7109375" style="2" bestFit="1" customWidth="1"/>
    <col min="3" max="3" width="11.42578125" style="2" bestFit="1" customWidth="1"/>
    <col min="4" max="22" width="10.5703125" style="2" customWidth="1"/>
    <col min="23" max="23" width="9.140625" style="2"/>
    <col min="24" max="25" width="0" style="2" hidden="1" customWidth="1"/>
    <col min="26" max="16384" width="9.140625" style="2"/>
  </cols>
  <sheetData>
    <row r="1" spans="1:22" ht="18">
      <c r="A1" s="165" t="s">
        <v>139</v>
      </c>
    </row>
    <row r="4" spans="1:22" ht="18">
      <c r="A4" s="165" t="s">
        <v>152</v>
      </c>
    </row>
    <row r="5" spans="1:22" ht="15.75">
      <c r="A5" s="173" t="s">
        <v>157</v>
      </c>
    </row>
    <row r="6" spans="1:22" ht="15.75">
      <c r="A6" s="173" t="s">
        <v>153</v>
      </c>
    </row>
    <row r="7" spans="1:22" ht="12.75">
      <c r="A7" s="174" t="s">
        <v>56</v>
      </c>
      <c r="B7" s="175"/>
      <c r="C7" s="176">
        <v>10</v>
      </c>
    </row>
    <row r="8" spans="1:22" ht="12.75">
      <c r="A8" s="177" t="s">
        <v>58</v>
      </c>
      <c r="B8" s="178"/>
      <c r="C8" s="187">
        <v>63301.978094843085</v>
      </c>
    </row>
    <row r="9" spans="1:22" ht="12.75">
      <c r="A9" s="180"/>
      <c r="B9" s="180"/>
      <c r="C9" s="121"/>
    </row>
    <row r="10" spans="1:22" ht="12.75">
      <c r="A10" s="174" t="s">
        <v>59</v>
      </c>
      <c r="B10" s="175"/>
      <c r="C10" s="181">
        <v>48472.743166993037</v>
      </c>
    </row>
    <row r="11" spans="1:22" ht="12.75">
      <c r="A11" s="174" t="s">
        <v>60</v>
      </c>
      <c r="B11" s="175"/>
      <c r="C11" s="181">
        <v>19141.278123600001</v>
      </c>
    </row>
    <row r="12" spans="1:22" ht="12.75">
      <c r="A12" s="174" t="s">
        <v>61</v>
      </c>
      <c r="B12" s="175"/>
      <c r="C12" s="182">
        <v>29331.465043393033</v>
      </c>
    </row>
    <row r="13" spans="1:22" ht="12.75">
      <c r="A13" s="174" t="s">
        <v>62</v>
      </c>
      <c r="B13" s="175"/>
      <c r="C13" s="181">
        <v>0</v>
      </c>
    </row>
    <row r="14" spans="1:22">
      <c r="A14" s="45"/>
      <c r="B14" s="45"/>
      <c r="C14" s="48"/>
    </row>
    <row r="15" spans="1:22" ht="18">
      <c r="A15" s="183" t="s">
        <v>154</v>
      </c>
      <c r="C15" s="48"/>
      <c r="D15" s="27"/>
      <c r="V15" s="49" t="s">
        <v>63</v>
      </c>
    </row>
    <row r="16" spans="1:22">
      <c r="A16" s="50"/>
      <c r="B16" s="50" t="s">
        <v>2</v>
      </c>
      <c r="C16" s="50" t="s">
        <v>3</v>
      </c>
      <c r="D16" s="50" t="s">
        <v>4</v>
      </c>
      <c r="E16" s="50" t="s">
        <v>5</v>
      </c>
      <c r="F16" s="50" t="s">
        <v>6</v>
      </c>
      <c r="G16" s="50" t="s">
        <v>7</v>
      </c>
      <c r="H16" s="50" t="s">
        <v>8</v>
      </c>
      <c r="I16" s="50" t="s">
        <v>9</v>
      </c>
      <c r="J16" s="50" t="s">
        <v>10</v>
      </c>
      <c r="K16" s="50" t="s">
        <v>11</v>
      </c>
      <c r="L16" s="50" t="s">
        <v>12</v>
      </c>
      <c r="M16" s="50" t="s">
        <v>13</v>
      </c>
      <c r="N16" s="50" t="s">
        <v>14</v>
      </c>
      <c r="O16" s="50" t="s">
        <v>15</v>
      </c>
      <c r="P16" s="50" t="s">
        <v>16</v>
      </c>
      <c r="Q16" s="50" t="s">
        <v>17</v>
      </c>
      <c r="R16" s="50" t="s">
        <v>18</v>
      </c>
      <c r="S16" s="50" t="s">
        <v>19</v>
      </c>
      <c r="T16" s="50" t="s">
        <v>20</v>
      </c>
      <c r="U16" s="50" t="s">
        <v>21</v>
      </c>
      <c r="V16" s="50" t="s">
        <v>22</v>
      </c>
    </row>
    <row r="17" spans="1:22">
      <c r="A17" s="45" t="s">
        <v>64</v>
      </c>
      <c r="B17" s="45"/>
      <c r="C17" s="48">
        <v>7596237.371381171</v>
      </c>
      <c r="D17" s="48">
        <v>7596237.371381171</v>
      </c>
      <c r="E17" s="48">
        <v>7596237.371381171</v>
      </c>
      <c r="F17" s="48">
        <v>7596237.371381171</v>
      </c>
      <c r="G17" s="48">
        <v>7596237.371381171</v>
      </c>
      <c r="H17" s="48">
        <v>7596237.371381171</v>
      </c>
      <c r="I17" s="48">
        <v>7596237.371381171</v>
      </c>
      <c r="J17" s="48">
        <v>7596237.371381171</v>
      </c>
      <c r="K17" s="48">
        <v>7596237.371381171</v>
      </c>
      <c r="L17" s="48">
        <v>7596237.371381171</v>
      </c>
      <c r="M17" s="48">
        <v>7596237.371381171</v>
      </c>
      <c r="N17" s="48">
        <v>7596237.371381171</v>
      </c>
      <c r="O17" s="48">
        <v>7596237.371381171</v>
      </c>
      <c r="P17" s="48">
        <v>7596237.371381171</v>
      </c>
      <c r="Q17" s="48">
        <v>7596237.371381171</v>
      </c>
      <c r="R17" s="48">
        <v>7596237.371381171</v>
      </c>
      <c r="S17" s="48">
        <v>7596237.371381171</v>
      </c>
      <c r="T17" s="48">
        <v>7596237.371381171</v>
      </c>
      <c r="U17" s="48">
        <v>7596237.371381171</v>
      </c>
      <c r="V17" s="48">
        <v>7596237.371381171</v>
      </c>
    </row>
    <row r="18" spans="1:22">
      <c r="A18" s="51" t="s">
        <v>65</v>
      </c>
      <c r="B18" s="51"/>
      <c r="C18" s="52">
        <v>151924.74742762343</v>
      </c>
      <c r="D18" s="52">
        <v>151924.74742762343</v>
      </c>
      <c r="E18" s="52">
        <v>151924.74742762343</v>
      </c>
      <c r="F18" s="52">
        <v>151924.74742762343</v>
      </c>
      <c r="G18" s="52">
        <v>151924.74742762343</v>
      </c>
      <c r="H18" s="52">
        <v>151924.74742762343</v>
      </c>
      <c r="I18" s="52">
        <v>151924.74742762343</v>
      </c>
      <c r="J18" s="52">
        <v>151924.74742762343</v>
      </c>
      <c r="K18" s="52">
        <v>151924.74742762343</v>
      </c>
      <c r="L18" s="52">
        <v>151924.74742762343</v>
      </c>
      <c r="M18" s="52">
        <v>151924.74742762343</v>
      </c>
      <c r="N18" s="52">
        <v>151924.74742762343</v>
      </c>
      <c r="O18" s="52">
        <v>151924.74742762343</v>
      </c>
      <c r="P18" s="52">
        <v>151924.74742762343</v>
      </c>
      <c r="Q18" s="52">
        <v>151924.74742762343</v>
      </c>
      <c r="R18" s="52">
        <v>151924.74742762343</v>
      </c>
      <c r="S18" s="52">
        <v>151924.74742762343</v>
      </c>
      <c r="T18" s="52">
        <v>151924.74742762343</v>
      </c>
      <c r="U18" s="52">
        <v>151924.74742762343</v>
      </c>
      <c r="V18" s="52">
        <v>151924.74742762343</v>
      </c>
    </row>
    <row r="19" spans="1:22">
      <c r="A19" s="45" t="s">
        <v>66</v>
      </c>
      <c r="B19" s="45"/>
      <c r="C19" s="53">
        <v>7444312.6239535473</v>
      </c>
      <c r="D19" s="53">
        <v>7444312.6239535473</v>
      </c>
      <c r="E19" s="53">
        <v>7444312.6239535473</v>
      </c>
      <c r="F19" s="53">
        <v>7444312.6239535473</v>
      </c>
      <c r="G19" s="53">
        <v>7444312.6239535473</v>
      </c>
      <c r="H19" s="53">
        <v>7444312.6239535473</v>
      </c>
      <c r="I19" s="53">
        <v>7444312.6239535473</v>
      </c>
      <c r="J19" s="53">
        <v>7444312.6239535473</v>
      </c>
      <c r="K19" s="53">
        <v>7444312.6239535473</v>
      </c>
      <c r="L19" s="53">
        <v>7444312.6239535473</v>
      </c>
      <c r="M19" s="53">
        <v>7444312.6239535473</v>
      </c>
      <c r="N19" s="53">
        <v>7444312.6239535473</v>
      </c>
      <c r="O19" s="53">
        <v>7444312.6239535473</v>
      </c>
      <c r="P19" s="53">
        <v>7444312.6239535473</v>
      </c>
      <c r="Q19" s="53">
        <v>7444312.6239535473</v>
      </c>
      <c r="R19" s="53">
        <v>7444312.6239535473</v>
      </c>
      <c r="S19" s="53">
        <v>7444312.6239535473</v>
      </c>
      <c r="T19" s="53">
        <v>7444312.6239535473</v>
      </c>
      <c r="U19" s="53">
        <v>7444312.6239535473</v>
      </c>
      <c r="V19" s="53">
        <v>7444312.6239535473</v>
      </c>
    </row>
    <row r="20" spans="1:22">
      <c r="A20" s="45"/>
      <c r="B20" s="45"/>
      <c r="C20" s="45"/>
      <c r="D20" s="45"/>
      <c r="E20" s="45"/>
      <c r="F20" s="45"/>
      <c r="G20" s="45"/>
      <c r="H20" s="45"/>
      <c r="I20" s="45"/>
      <c r="J20" s="45"/>
      <c r="K20" s="45"/>
      <c r="L20" s="45"/>
      <c r="M20" s="45"/>
      <c r="N20" s="45"/>
      <c r="O20" s="45"/>
      <c r="P20" s="45"/>
      <c r="Q20" s="45"/>
      <c r="R20" s="45"/>
      <c r="S20" s="45"/>
      <c r="T20" s="45"/>
      <c r="U20" s="45"/>
      <c r="V20" s="45"/>
    </row>
    <row r="21" spans="1:22">
      <c r="A21" s="51" t="s">
        <v>67</v>
      </c>
      <c r="B21" s="51"/>
      <c r="C21" s="52">
        <v>5827332.3800391639</v>
      </c>
      <c r="D21" s="52">
        <v>5827332.3800391639</v>
      </c>
      <c r="E21" s="52">
        <v>5827332.3800391639</v>
      </c>
      <c r="F21" s="52">
        <v>5834735.1800391637</v>
      </c>
      <c r="G21" s="52">
        <v>5834735.1800391637</v>
      </c>
      <c r="H21" s="52">
        <v>5834735.1800391637</v>
      </c>
      <c r="I21" s="52">
        <v>5834735.1800391637</v>
      </c>
      <c r="J21" s="52">
        <v>5834735.1800391637</v>
      </c>
      <c r="K21" s="52">
        <v>5834735.1800391637</v>
      </c>
      <c r="L21" s="52">
        <v>5834735.1800391637</v>
      </c>
      <c r="M21" s="54">
        <v>5827332.3800391639</v>
      </c>
      <c r="N21" s="54">
        <v>5827332.3800391639</v>
      </c>
      <c r="O21" s="54">
        <v>5827332.3800391639</v>
      </c>
      <c r="P21" s="54">
        <v>5834735.1800391637</v>
      </c>
      <c r="Q21" s="54">
        <v>5834735.1800391637</v>
      </c>
      <c r="R21" s="54">
        <v>5834735.1800391637</v>
      </c>
      <c r="S21" s="54">
        <v>5834735.1800391637</v>
      </c>
      <c r="T21" s="54">
        <v>5834735.1800391637</v>
      </c>
      <c r="U21" s="54">
        <v>5834735.1800391637</v>
      </c>
      <c r="V21" s="54">
        <v>5834735.1800391637</v>
      </c>
    </row>
    <row r="22" spans="1:22">
      <c r="A22" s="45"/>
      <c r="B22" s="45"/>
      <c r="C22" s="45"/>
      <c r="D22" s="45"/>
      <c r="E22" s="45"/>
      <c r="F22" s="45"/>
      <c r="G22" s="45"/>
      <c r="H22" s="45"/>
      <c r="I22" s="45"/>
      <c r="J22" s="45"/>
      <c r="K22" s="45"/>
      <c r="L22" s="45"/>
      <c r="M22" s="45"/>
      <c r="N22" s="45"/>
      <c r="O22" s="45"/>
      <c r="P22" s="45"/>
      <c r="Q22" s="45"/>
      <c r="R22" s="45"/>
      <c r="S22" s="45"/>
      <c r="T22" s="45"/>
      <c r="U22" s="45"/>
      <c r="V22" s="45"/>
    </row>
    <row r="23" spans="1:22">
      <c r="A23" s="45" t="s">
        <v>68</v>
      </c>
      <c r="B23" s="45"/>
      <c r="C23" s="48">
        <v>1110167.7560731331</v>
      </c>
      <c r="D23" s="48">
        <v>1140384.5818531332</v>
      </c>
      <c r="E23" s="48">
        <v>1165027.2872931331</v>
      </c>
      <c r="F23" s="48">
        <v>1169508.4072931332</v>
      </c>
      <c r="G23" s="48">
        <v>1169508.4072931332</v>
      </c>
      <c r="H23" s="48">
        <v>59451.95355333334</v>
      </c>
      <c r="I23" s="48">
        <v>199863.44377333333</v>
      </c>
      <c r="J23" s="48">
        <v>345849.05433333333</v>
      </c>
      <c r="K23" s="48">
        <v>511996.25033333333</v>
      </c>
      <c r="L23" s="48">
        <v>704624.56633333326</v>
      </c>
      <c r="M23" s="48">
        <v>1744482.6311133332</v>
      </c>
      <c r="N23" s="48">
        <v>1604071.1408933334</v>
      </c>
      <c r="O23" s="48">
        <v>1458085.5303333332</v>
      </c>
      <c r="P23" s="48">
        <v>1291938.3343333332</v>
      </c>
      <c r="Q23" s="48">
        <v>1099310.0183333333</v>
      </c>
      <c r="R23" s="48">
        <v>59451.953553333333</v>
      </c>
      <c r="S23" s="48">
        <v>199863.44377333333</v>
      </c>
      <c r="T23" s="48">
        <v>345849.05433333333</v>
      </c>
      <c r="U23" s="48">
        <v>511996.25033333333</v>
      </c>
      <c r="V23" s="48">
        <v>682624.56633333326</v>
      </c>
    </row>
    <row r="24" spans="1:22">
      <c r="A24" s="45"/>
      <c r="B24" s="45"/>
      <c r="C24" s="45"/>
      <c r="D24" s="45"/>
      <c r="E24" s="45"/>
      <c r="F24" s="45"/>
      <c r="G24" s="45"/>
      <c r="H24" s="45"/>
      <c r="I24" s="45"/>
      <c r="J24" s="45"/>
      <c r="K24" s="45"/>
      <c r="L24" s="45"/>
      <c r="M24" s="45"/>
      <c r="N24" s="45"/>
      <c r="O24" s="45"/>
      <c r="P24" s="45"/>
      <c r="Q24" s="45"/>
      <c r="R24" s="45"/>
      <c r="S24" s="45"/>
      <c r="T24" s="45"/>
      <c r="U24" s="45"/>
      <c r="V24" s="45"/>
    </row>
    <row r="25" spans="1:22">
      <c r="A25" s="51" t="s">
        <v>69</v>
      </c>
      <c r="B25" s="51"/>
      <c r="C25" s="54">
        <v>506812.48784125037</v>
      </c>
      <c r="D25" s="54">
        <v>476595.6620612503</v>
      </c>
      <c r="E25" s="54">
        <v>451952.95662125037</v>
      </c>
      <c r="F25" s="54">
        <v>440069.03662125045</v>
      </c>
      <c r="G25" s="54">
        <v>440069.03662125045</v>
      </c>
      <c r="H25" s="54">
        <v>1550125.4903610502</v>
      </c>
      <c r="I25" s="54">
        <v>1409714.0001410502</v>
      </c>
      <c r="J25" s="54">
        <v>1263728.3895810503</v>
      </c>
      <c r="K25" s="54">
        <v>1097581.1935810503</v>
      </c>
      <c r="L25" s="54">
        <v>904952.87758105039</v>
      </c>
      <c r="M25" s="54">
        <v>-127502.3871989497</v>
      </c>
      <c r="N25" s="54">
        <v>12909.103021050105</v>
      </c>
      <c r="O25" s="54">
        <v>158894.71358105028</v>
      </c>
      <c r="P25" s="54">
        <v>317639.10958105046</v>
      </c>
      <c r="Q25" s="54">
        <v>510267.42558105034</v>
      </c>
      <c r="R25" s="54">
        <v>1550125.4903610502</v>
      </c>
      <c r="S25" s="54">
        <v>1409714.0001410502</v>
      </c>
      <c r="T25" s="54">
        <v>1263728.3895810503</v>
      </c>
      <c r="U25" s="54">
        <v>1097581.1935810503</v>
      </c>
      <c r="V25" s="54">
        <v>926952.87758105039</v>
      </c>
    </row>
    <row r="26" spans="1:22">
      <c r="A26" s="45"/>
      <c r="B26" s="45"/>
      <c r="C26" s="45"/>
      <c r="D26" s="45"/>
      <c r="E26" s="45"/>
      <c r="F26" s="45"/>
      <c r="G26" s="45"/>
      <c r="H26" s="45"/>
      <c r="I26" s="45"/>
      <c r="J26" s="45"/>
      <c r="K26" s="45"/>
      <c r="L26" s="45"/>
      <c r="M26" s="45"/>
      <c r="N26" s="45"/>
      <c r="O26" s="45"/>
      <c r="P26" s="45"/>
      <c r="Q26" s="45"/>
      <c r="R26" s="45"/>
      <c r="S26" s="45"/>
      <c r="T26" s="45"/>
      <c r="U26" s="45"/>
      <c r="V26" s="45"/>
    </row>
    <row r="27" spans="1:22">
      <c r="A27" s="45" t="s">
        <v>70</v>
      </c>
      <c r="B27" s="45"/>
      <c r="C27" s="48">
        <v>172316.24586602513</v>
      </c>
      <c r="D27" s="48">
        <v>162042.52510082512</v>
      </c>
      <c r="E27" s="48">
        <v>153664.00525122514</v>
      </c>
      <c r="F27" s="48">
        <v>149623.47245122516</v>
      </c>
      <c r="G27" s="48">
        <v>149623.47245122516</v>
      </c>
      <c r="H27" s="48">
        <v>527042.66672275716</v>
      </c>
      <c r="I27" s="48">
        <v>479302.76004795713</v>
      </c>
      <c r="J27" s="48">
        <v>429667.65245755709</v>
      </c>
      <c r="K27" s="48">
        <v>373177.60581755714</v>
      </c>
      <c r="L27" s="48">
        <v>307683.97837755713</v>
      </c>
      <c r="M27" s="48">
        <v>0</v>
      </c>
      <c r="N27" s="48">
        <v>4389.0950271570364</v>
      </c>
      <c r="O27" s="48">
        <v>54024.202617557101</v>
      </c>
      <c r="P27" s="48">
        <v>107997.29725755716</v>
      </c>
      <c r="Q27" s="48">
        <v>173490.92469755711</v>
      </c>
      <c r="R27" s="48">
        <v>527042.66672275716</v>
      </c>
      <c r="S27" s="48">
        <v>479302.76004795713</v>
      </c>
      <c r="T27" s="48">
        <v>429667.65245755709</v>
      </c>
      <c r="U27" s="48">
        <v>373177.60581755714</v>
      </c>
      <c r="V27" s="48">
        <v>315163.97837755713</v>
      </c>
    </row>
    <row r="28" spans="1:22">
      <c r="A28" s="45"/>
      <c r="B28" s="45"/>
      <c r="C28" s="45"/>
      <c r="D28" s="45"/>
      <c r="E28" s="45"/>
      <c r="F28" s="45"/>
      <c r="G28" s="45"/>
      <c r="H28" s="45"/>
      <c r="I28" s="45"/>
      <c r="J28" s="45"/>
      <c r="K28" s="45"/>
      <c r="L28" s="45"/>
      <c r="M28" s="45"/>
      <c r="N28" s="45"/>
      <c r="O28" s="45"/>
      <c r="P28" s="45"/>
      <c r="Q28" s="45"/>
      <c r="R28" s="45"/>
      <c r="S28" s="45"/>
      <c r="T28" s="45"/>
      <c r="U28" s="45"/>
      <c r="V28" s="45"/>
    </row>
    <row r="29" spans="1:22">
      <c r="A29" s="51" t="s">
        <v>71</v>
      </c>
      <c r="B29" s="51"/>
      <c r="C29" s="54">
        <v>334496.24197522528</v>
      </c>
      <c r="D29" s="54">
        <v>314553.13696042518</v>
      </c>
      <c r="E29" s="54">
        <v>298288.95137002523</v>
      </c>
      <c r="F29" s="54">
        <v>290445.56417002529</v>
      </c>
      <c r="G29" s="54">
        <v>290445.56417002529</v>
      </c>
      <c r="H29" s="54">
        <v>1023082.8236382931</v>
      </c>
      <c r="I29" s="54">
        <v>930411.24009309313</v>
      </c>
      <c r="J29" s="54">
        <v>834060.73712349311</v>
      </c>
      <c r="K29" s="54">
        <v>724403.58776349318</v>
      </c>
      <c r="L29" s="54">
        <v>597268.89920349326</v>
      </c>
      <c r="M29" s="54">
        <v>-127502.3871989497</v>
      </c>
      <c r="N29" s="54">
        <v>8520.0079938930685</v>
      </c>
      <c r="O29" s="54">
        <v>104870.51096349317</v>
      </c>
      <c r="P29" s="54">
        <v>209641.8123234933</v>
      </c>
      <c r="Q29" s="54">
        <v>336776.50088349322</v>
      </c>
      <c r="R29" s="54">
        <v>1023082.8236382931</v>
      </c>
      <c r="S29" s="54">
        <v>930411.24009309313</v>
      </c>
      <c r="T29" s="54">
        <v>834060.73712349311</v>
      </c>
      <c r="U29" s="54">
        <v>724403.58776349318</v>
      </c>
      <c r="V29" s="54">
        <v>611788.89920349326</v>
      </c>
    </row>
    <row r="30" spans="1:22">
      <c r="A30" s="45"/>
      <c r="B30" s="45"/>
      <c r="C30" s="45"/>
      <c r="D30" s="45"/>
      <c r="E30" s="45"/>
      <c r="F30" s="45"/>
      <c r="G30" s="45"/>
      <c r="H30" s="45"/>
      <c r="I30" s="45"/>
      <c r="J30" s="45"/>
      <c r="K30" s="45"/>
      <c r="L30" s="45"/>
      <c r="M30" s="45"/>
      <c r="N30" s="45"/>
      <c r="O30" s="45"/>
      <c r="P30" s="45"/>
      <c r="Q30" s="45"/>
      <c r="R30" s="45"/>
      <c r="S30" s="45"/>
      <c r="T30" s="45"/>
      <c r="U30" s="45"/>
      <c r="V30" s="45"/>
    </row>
    <row r="31" spans="1:22">
      <c r="A31" s="45" t="s">
        <v>72</v>
      </c>
      <c r="B31" s="45"/>
      <c r="C31" s="48">
        <v>1110167.7560731331</v>
      </c>
      <c r="D31" s="48">
        <v>1140384.5818531332</v>
      </c>
      <c r="E31" s="48">
        <v>1165027.2872931331</v>
      </c>
      <c r="F31" s="48">
        <v>1169508.4072931332</v>
      </c>
      <c r="G31" s="48">
        <v>1169508.4072931332</v>
      </c>
      <c r="H31" s="48">
        <v>59451.95355333334</v>
      </c>
      <c r="I31" s="48">
        <v>199863.44377333333</v>
      </c>
      <c r="J31" s="48">
        <v>345849.05433333333</v>
      </c>
      <c r="K31" s="48">
        <v>511996.25033333333</v>
      </c>
      <c r="L31" s="48">
        <v>704624.56633333326</v>
      </c>
      <c r="M31" s="48">
        <v>1744482.6311133332</v>
      </c>
      <c r="N31" s="48">
        <v>1604071.1408933334</v>
      </c>
      <c r="O31" s="48">
        <v>1458085.5303333332</v>
      </c>
      <c r="P31" s="48">
        <v>1291938.3343333332</v>
      </c>
      <c r="Q31" s="48">
        <v>1099310.0183333333</v>
      </c>
      <c r="R31" s="48">
        <v>59451.953553333333</v>
      </c>
      <c r="S31" s="48">
        <v>199863.44377333333</v>
      </c>
      <c r="T31" s="48">
        <v>345849.05433333333</v>
      </c>
      <c r="U31" s="48">
        <v>511996.25033333333</v>
      </c>
      <c r="V31" s="48">
        <v>682624.56633333326</v>
      </c>
    </row>
    <row r="32" spans="1:22">
      <c r="A32" s="45"/>
      <c r="B32" s="45"/>
      <c r="C32" s="45"/>
      <c r="D32" s="45"/>
      <c r="E32" s="45"/>
      <c r="F32" s="45"/>
      <c r="G32" s="45"/>
      <c r="H32" s="45"/>
      <c r="I32" s="45"/>
      <c r="J32" s="45"/>
      <c r="K32" s="45"/>
      <c r="L32" s="45"/>
      <c r="M32" s="45"/>
      <c r="N32" s="45"/>
      <c r="O32" s="45"/>
      <c r="P32" s="45"/>
      <c r="Q32" s="45"/>
      <c r="R32" s="45"/>
      <c r="S32" s="45"/>
      <c r="T32" s="45"/>
      <c r="U32" s="45"/>
      <c r="V32" s="45"/>
    </row>
    <row r="33" spans="1:22">
      <c r="A33" s="51" t="s">
        <v>73</v>
      </c>
      <c r="B33" s="51"/>
      <c r="C33" s="54">
        <v>1444663.9980483584</v>
      </c>
      <c r="D33" s="54">
        <v>1454937.7188135583</v>
      </c>
      <c r="E33" s="54">
        <v>1463316.2386631584</v>
      </c>
      <c r="F33" s="54">
        <v>1459953.9714631585</v>
      </c>
      <c r="G33" s="54">
        <v>1459953.9714631585</v>
      </c>
      <c r="H33" s="54">
        <v>1082534.7771916264</v>
      </c>
      <c r="I33" s="54">
        <v>1130274.6838664263</v>
      </c>
      <c r="J33" s="54">
        <v>1179909.7914568265</v>
      </c>
      <c r="K33" s="54">
        <v>1236399.8380968266</v>
      </c>
      <c r="L33" s="54">
        <v>1301893.4655368265</v>
      </c>
      <c r="M33" s="54">
        <v>1616980.2439143835</v>
      </c>
      <c r="N33" s="54">
        <v>1612591.1488872264</v>
      </c>
      <c r="O33" s="54">
        <v>1562956.0412968264</v>
      </c>
      <c r="P33" s="54">
        <v>1501580.1466568266</v>
      </c>
      <c r="Q33" s="54">
        <v>1436086.5192168267</v>
      </c>
      <c r="R33" s="54">
        <v>1082534.7771916264</v>
      </c>
      <c r="S33" s="54">
        <v>1130274.6838664263</v>
      </c>
      <c r="T33" s="54">
        <v>1179909.7914568265</v>
      </c>
      <c r="U33" s="54">
        <v>1236399.8380968266</v>
      </c>
      <c r="V33" s="54">
        <v>1294413.4655368265</v>
      </c>
    </row>
    <row r="34" spans="1:22">
      <c r="A34" s="45"/>
      <c r="B34" s="48"/>
      <c r="C34" s="45"/>
      <c r="D34" s="45"/>
      <c r="E34" s="45"/>
      <c r="F34" s="45"/>
      <c r="G34" s="45"/>
      <c r="H34" s="45"/>
      <c r="I34" s="45"/>
      <c r="J34" s="45"/>
      <c r="K34" s="45"/>
      <c r="L34" s="45"/>
      <c r="M34" s="45"/>
      <c r="N34" s="45"/>
      <c r="O34" s="45"/>
      <c r="P34" s="45"/>
      <c r="Q34" s="45"/>
      <c r="R34" s="45"/>
      <c r="S34" s="45"/>
      <c r="T34" s="45"/>
      <c r="U34" s="45"/>
      <c r="V34" s="45"/>
    </row>
    <row r="35" spans="1:22">
      <c r="A35" s="45" t="s">
        <v>74</v>
      </c>
      <c r="B35" s="53">
        <v>7355718.4706914397</v>
      </c>
      <c r="C35" s="53">
        <v>80440.843899999993</v>
      </c>
      <c r="D35" s="53">
        <v>151084.12890000001</v>
      </c>
      <c r="E35" s="53">
        <v>123213.52720000001</v>
      </c>
      <c r="F35" s="53">
        <v>22405.599999999999</v>
      </c>
      <c r="G35" s="53">
        <v>0</v>
      </c>
      <c r="H35" s="53">
        <v>853141.58</v>
      </c>
      <c r="I35" s="53">
        <v>853141.58</v>
      </c>
      <c r="J35" s="53">
        <v>853141.58</v>
      </c>
      <c r="K35" s="53">
        <v>853141.58</v>
      </c>
      <c r="L35" s="53">
        <v>5228849.4799999995</v>
      </c>
      <c r="M35" s="53">
        <v>80440.843899999993</v>
      </c>
      <c r="N35" s="53">
        <v>151084.12890000001</v>
      </c>
      <c r="O35" s="53">
        <v>123213.52720000001</v>
      </c>
      <c r="P35" s="53">
        <v>22405.599999999999</v>
      </c>
      <c r="Q35" s="53">
        <v>0</v>
      </c>
      <c r="R35" s="53">
        <v>853141.58</v>
      </c>
      <c r="S35" s="53">
        <v>853141.58</v>
      </c>
      <c r="T35" s="53">
        <v>853141.58</v>
      </c>
      <c r="U35" s="53">
        <v>853141.58</v>
      </c>
      <c r="V35" s="53">
        <v>-79826.470959440601</v>
      </c>
    </row>
    <row r="36" spans="1:22">
      <c r="A36" s="55" t="s">
        <v>75</v>
      </c>
      <c r="B36" s="54">
        <v>7205121.8997319993</v>
      </c>
      <c r="C36" s="54">
        <v>0</v>
      </c>
      <c r="D36" s="54">
        <v>0</v>
      </c>
      <c r="E36" s="54">
        <v>0</v>
      </c>
      <c r="F36" s="54">
        <v>0</v>
      </c>
      <c r="G36" s="54">
        <v>0</v>
      </c>
      <c r="H36" s="54">
        <v>853141.58</v>
      </c>
      <c r="I36" s="54">
        <v>853141.58</v>
      </c>
      <c r="J36" s="54">
        <v>853141.58</v>
      </c>
      <c r="K36" s="54">
        <v>853141.58</v>
      </c>
      <c r="L36" s="54">
        <v>5118849.4799999995</v>
      </c>
      <c r="M36" s="54">
        <v>0</v>
      </c>
      <c r="N36" s="54">
        <v>0</v>
      </c>
      <c r="O36" s="54">
        <v>0</v>
      </c>
      <c r="P36" s="54">
        <v>0</v>
      </c>
      <c r="Q36" s="54">
        <v>0</v>
      </c>
      <c r="R36" s="54">
        <v>853141.58</v>
      </c>
      <c r="S36" s="54">
        <v>853141.58</v>
      </c>
      <c r="T36" s="54">
        <v>853141.58</v>
      </c>
      <c r="U36" s="54">
        <v>853141.58</v>
      </c>
      <c r="V36" s="54">
        <v>0</v>
      </c>
    </row>
    <row r="37" spans="1:22">
      <c r="A37" s="56" t="s">
        <v>76</v>
      </c>
      <c r="B37" s="48">
        <v>66000</v>
      </c>
      <c r="C37" s="48">
        <v>80440.843899999993</v>
      </c>
      <c r="D37" s="48">
        <v>151084.12890000001</v>
      </c>
      <c r="E37" s="48">
        <v>123213.52720000001</v>
      </c>
      <c r="F37" s="48">
        <v>22405.599999999999</v>
      </c>
      <c r="G37" s="48">
        <v>0</v>
      </c>
      <c r="H37" s="48">
        <v>0</v>
      </c>
      <c r="I37" s="48">
        <v>0</v>
      </c>
      <c r="J37" s="48">
        <v>0</v>
      </c>
      <c r="K37" s="48">
        <v>0</v>
      </c>
      <c r="L37" s="48">
        <v>110000</v>
      </c>
      <c r="M37" s="48">
        <v>80440.843899999993</v>
      </c>
      <c r="N37" s="48">
        <v>151084.12890000001</v>
      </c>
      <c r="O37" s="48">
        <v>123213.52720000001</v>
      </c>
      <c r="P37" s="48">
        <v>22405.599999999999</v>
      </c>
      <c r="Q37" s="48">
        <v>0</v>
      </c>
      <c r="R37" s="48">
        <v>0</v>
      </c>
      <c r="S37" s="48">
        <v>0</v>
      </c>
      <c r="T37" s="48">
        <v>0</v>
      </c>
      <c r="U37" s="48">
        <v>0</v>
      </c>
      <c r="V37" s="48">
        <v>0</v>
      </c>
    </row>
    <row r="38" spans="1:22">
      <c r="A38" s="55" t="s">
        <v>77</v>
      </c>
      <c r="B38" s="57">
        <v>4770.1000000000004</v>
      </c>
      <c r="C38" s="51">
        <v>0</v>
      </c>
      <c r="D38" s="51">
        <v>0</v>
      </c>
      <c r="E38" s="51">
        <v>0</v>
      </c>
      <c r="F38" s="51">
        <v>0</v>
      </c>
      <c r="G38" s="51">
        <v>0</v>
      </c>
      <c r="H38" s="51">
        <v>0</v>
      </c>
      <c r="I38" s="51">
        <v>0</v>
      </c>
      <c r="J38" s="51">
        <v>0</v>
      </c>
      <c r="K38" s="51">
        <v>0</v>
      </c>
      <c r="L38" s="51">
        <v>0</v>
      </c>
      <c r="M38" s="51"/>
      <c r="N38" s="51"/>
      <c r="O38" s="51"/>
      <c r="P38" s="51"/>
      <c r="Q38" s="51"/>
      <c r="R38" s="51"/>
      <c r="S38" s="51"/>
      <c r="T38" s="51"/>
      <c r="U38" s="51"/>
      <c r="V38" s="51"/>
    </row>
    <row r="39" spans="1:22">
      <c r="A39" s="56" t="s">
        <v>78</v>
      </c>
      <c r="B39" s="48">
        <v>79826.470959440601</v>
      </c>
      <c r="C39" s="45">
        <v>0</v>
      </c>
      <c r="D39" s="45">
        <v>0</v>
      </c>
      <c r="E39" s="45">
        <v>0</v>
      </c>
      <c r="F39" s="45">
        <v>0</v>
      </c>
      <c r="G39" s="45">
        <v>0</v>
      </c>
      <c r="H39" s="45">
        <v>0</v>
      </c>
      <c r="I39" s="45">
        <v>0</v>
      </c>
      <c r="J39" s="45">
        <v>0</v>
      </c>
      <c r="K39" s="45">
        <v>0</v>
      </c>
      <c r="L39" s="53">
        <v>0</v>
      </c>
      <c r="M39" s="53">
        <v>0</v>
      </c>
      <c r="N39" s="53">
        <v>0</v>
      </c>
      <c r="O39" s="53">
        <v>0</v>
      </c>
      <c r="P39" s="53">
        <v>0</v>
      </c>
      <c r="Q39" s="53">
        <v>0</v>
      </c>
      <c r="R39" s="53">
        <v>0</v>
      </c>
      <c r="S39" s="53">
        <v>0</v>
      </c>
      <c r="T39" s="53">
        <v>0</v>
      </c>
      <c r="U39" s="53">
        <v>0</v>
      </c>
      <c r="V39" s="53">
        <v>-79826.470959440601</v>
      </c>
    </row>
    <row r="40" spans="1:22">
      <c r="A40" s="45"/>
      <c r="B40" s="45"/>
      <c r="C40" s="45"/>
      <c r="D40" s="45"/>
      <c r="E40" s="45"/>
      <c r="F40" s="45"/>
      <c r="G40" s="45"/>
      <c r="H40" s="45"/>
      <c r="I40" s="45"/>
      <c r="J40" s="45"/>
      <c r="K40" s="45"/>
      <c r="L40" s="45"/>
      <c r="M40" s="45"/>
      <c r="N40" s="45"/>
      <c r="O40" s="45"/>
      <c r="P40" s="45"/>
      <c r="Q40" s="45"/>
      <c r="R40" s="45"/>
      <c r="S40" s="45"/>
      <c r="T40" s="45"/>
      <c r="U40" s="45"/>
      <c r="V40" s="45"/>
    </row>
    <row r="41" spans="1:22">
      <c r="A41" s="51" t="s">
        <v>79</v>
      </c>
      <c r="B41" s="52">
        <v>0</v>
      </c>
      <c r="C41" s="52">
        <v>0</v>
      </c>
      <c r="D41" s="52">
        <v>0</v>
      </c>
      <c r="E41" s="52">
        <v>0</v>
      </c>
      <c r="F41" s="52">
        <v>0</v>
      </c>
      <c r="G41" s="52">
        <v>0</v>
      </c>
      <c r="H41" s="52">
        <v>36258.51715</v>
      </c>
      <c r="I41" s="52">
        <v>36258.51715</v>
      </c>
      <c r="J41" s="52">
        <v>36258.51715</v>
      </c>
      <c r="K41" s="52">
        <v>36258.51715</v>
      </c>
      <c r="L41" s="52">
        <v>217551.1029</v>
      </c>
      <c r="M41" s="52">
        <v>0</v>
      </c>
      <c r="N41" s="52">
        <v>0</v>
      </c>
      <c r="O41" s="52">
        <v>0</v>
      </c>
      <c r="P41" s="52">
        <v>0</v>
      </c>
      <c r="Q41" s="52">
        <v>0</v>
      </c>
      <c r="R41" s="52">
        <v>36258.51715</v>
      </c>
      <c r="S41" s="52">
        <v>36258.51715</v>
      </c>
      <c r="T41" s="52">
        <v>36258.51715</v>
      </c>
      <c r="U41" s="52">
        <v>36258.51715</v>
      </c>
      <c r="V41" s="52">
        <v>1617643.441262933</v>
      </c>
    </row>
    <row r="42" spans="1:22">
      <c r="A42" s="45" t="s">
        <v>80</v>
      </c>
      <c r="B42" s="45"/>
      <c r="C42" s="53">
        <v>0</v>
      </c>
      <c r="D42" s="53">
        <v>0</v>
      </c>
      <c r="E42" s="53">
        <v>0</v>
      </c>
      <c r="F42" s="53">
        <v>0</v>
      </c>
      <c r="G42" s="53">
        <v>0</v>
      </c>
      <c r="H42" s="53">
        <v>36258.51715</v>
      </c>
      <c r="I42" s="53">
        <v>36258.51715</v>
      </c>
      <c r="J42" s="53">
        <v>36258.51715</v>
      </c>
      <c r="K42" s="53">
        <v>36258.51715</v>
      </c>
      <c r="L42" s="53">
        <v>217551.1029</v>
      </c>
      <c r="M42" s="53">
        <v>0</v>
      </c>
      <c r="N42" s="53">
        <v>0</v>
      </c>
      <c r="O42" s="53">
        <v>0</v>
      </c>
      <c r="P42" s="53">
        <v>0</v>
      </c>
      <c r="Q42" s="53">
        <v>0</v>
      </c>
      <c r="R42" s="53">
        <v>36258.51715</v>
      </c>
      <c r="S42" s="53">
        <v>36258.51715</v>
      </c>
      <c r="T42" s="53">
        <v>36258.51715</v>
      </c>
      <c r="U42" s="53">
        <v>36258.51715</v>
      </c>
      <c r="V42" s="53">
        <v>1615099.3879295997</v>
      </c>
    </row>
    <row r="43" spans="1:22">
      <c r="A43" s="51" t="s">
        <v>81</v>
      </c>
      <c r="B43" s="51"/>
      <c r="C43" s="51">
        <v>0</v>
      </c>
      <c r="D43" s="51">
        <v>0</v>
      </c>
      <c r="E43" s="51">
        <v>0</v>
      </c>
      <c r="F43" s="51">
        <v>0</v>
      </c>
      <c r="G43" s="51">
        <v>0</v>
      </c>
      <c r="H43" s="51">
        <v>0</v>
      </c>
      <c r="I43" s="51">
        <v>0</v>
      </c>
      <c r="J43" s="51">
        <v>0</v>
      </c>
      <c r="K43" s="51">
        <v>0</v>
      </c>
      <c r="L43" s="51">
        <v>0</v>
      </c>
      <c r="M43" s="51">
        <v>0</v>
      </c>
      <c r="N43" s="51">
        <v>0</v>
      </c>
      <c r="O43" s="51">
        <v>0</v>
      </c>
      <c r="P43" s="51">
        <v>0</v>
      </c>
      <c r="Q43" s="51">
        <v>0</v>
      </c>
      <c r="R43" s="51">
        <v>0</v>
      </c>
      <c r="S43" s="51">
        <v>0</v>
      </c>
      <c r="T43" s="51">
        <v>0</v>
      </c>
      <c r="U43" s="51">
        <v>0</v>
      </c>
      <c r="V43" s="51">
        <v>2544.0533333333337</v>
      </c>
    </row>
    <row r="44" spans="1:22">
      <c r="A44" s="45"/>
      <c r="B44" s="45"/>
      <c r="C44" s="45"/>
      <c r="D44" s="45"/>
      <c r="E44" s="45"/>
      <c r="F44" s="45"/>
      <c r="G44" s="45"/>
      <c r="H44" s="45"/>
      <c r="I44" s="45"/>
      <c r="J44" s="45"/>
      <c r="K44" s="45"/>
      <c r="L44" s="45"/>
      <c r="M44" s="45"/>
      <c r="N44" s="45"/>
      <c r="O44" s="45"/>
      <c r="P44" s="45"/>
      <c r="Q44" s="45"/>
      <c r="R44" s="45"/>
      <c r="S44" s="45"/>
      <c r="T44" s="45"/>
      <c r="U44" s="45"/>
      <c r="V44" s="45"/>
    </row>
    <row r="45" spans="1:22">
      <c r="A45" s="59" t="s">
        <v>82</v>
      </c>
      <c r="B45" s="60">
        <v>-7355718.4706914397</v>
      </c>
      <c r="C45" s="60">
        <v>1364223.1541483584</v>
      </c>
      <c r="D45" s="60">
        <v>1303853.5899135582</v>
      </c>
      <c r="E45" s="60">
        <v>1340102.7114631585</v>
      </c>
      <c r="F45" s="60">
        <v>1437548.3714631584</v>
      </c>
      <c r="G45" s="60">
        <v>1459953.9714631585</v>
      </c>
      <c r="H45" s="60">
        <v>265651.71434162639</v>
      </c>
      <c r="I45" s="60">
        <v>313391.62101642636</v>
      </c>
      <c r="J45" s="60">
        <v>363026.72860682651</v>
      </c>
      <c r="K45" s="60">
        <v>419516.77524682658</v>
      </c>
      <c r="L45" s="60">
        <v>-3709404.9115631734</v>
      </c>
      <c r="M45" s="60">
        <v>1536539.4000143835</v>
      </c>
      <c r="N45" s="60">
        <v>1461507.0199872265</v>
      </c>
      <c r="O45" s="60">
        <v>1439742.5140968263</v>
      </c>
      <c r="P45" s="60">
        <v>1479174.5466568265</v>
      </c>
      <c r="Q45" s="60">
        <v>1436086.5192168267</v>
      </c>
      <c r="R45" s="60">
        <v>265651.71434162639</v>
      </c>
      <c r="S45" s="60">
        <v>313391.62101642636</v>
      </c>
      <c r="T45" s="60">
        <v>363026.72860682651</v>
      </c>
      <c r="U45" s="60">
        <v>419516.77524682658</v>
      </c>
      <c r="V45" s="60">
        <v>2991883.3777592001</v>
      </c>
    </row>
    <row r="46" spans="1:22">
      <c r="A46" s="45"/>
      <c r="B46" s="48"/>
      <c r="C46" s="53"/>
      <c r="D46" s="53"/>
      <c r="E46" s="53"/>
      <c r="F46" s="53"/>
      <c r="G46" s="53"/>
      <c r="H46" s="53"/>
      <c r="I46" s="53"/>
      <c r="J46" s="53"/>
      <c r="K46" s="53"/>
      <c r="L46" s="53"/>
      <c r="M46" s="53"/>
      <c r="N46" s="53"/>
      <c r="O46" s="53"/>
      <c r="P46" s="53"/>
      <c r="Q46" s="53"/>
      <c r="R46" s="53"/>
      <c r="S46" s="53"/>
      <c r="T46" s="53"/>
      <c r="U46" s="53"/>
      <c r="V46" s="53"/>
    </row>
    <row r="47" spans="1:22">
      <c r="A47" s="39"/>
      <c r="B47" s="45"/>
      <c r="C47" s="45"/>
      <c r="D47" s="45"/>
      <c r="E47" s="45"/>
      <c r="F47" s="45"/>
      <c r="G47" s="45"/>
      <c r="H47" s="45"/>
      <c r="I47" s="45"/>
      <c r="J47" s="45"/>
      <c r="K47" s="45"/>
      <c r="L47" s="45"/>
      <c r="M47" s="45"/>
      <c r="N47" s="45"/>
      <c r="O47" s="45"/>
      <c r="P47" s="45"/>
      <c r="Q47" s="45"/>
      <c r="R47" s="45"/>
      <c r="S47" s="45"/>
      <c r="T47" s="45"/>
      <c r="U47" s="45"/>
      <c r="V47" s="45"/>
    </row>
    <row r="48" spans="1:22">
      <c r="A48" s="45"/>
      <c r="B48" s="45"/>
      <c r="C48" s="45"/>
      <c r="D48" s="45"/>
      <c r="E48" s="45"/>
      <c r="F48" s="45"/>
      <c r="G48" s="45"/>
      <c r="H48" s="45"/>
      <c r="I48" s="45"/>
      <c r="J48" s="45"/>
      <c r="K48" s="45"/>
      <c r="L48" s="45"/>
      <c r="M48" s="45"/>
      <c r="N48" s="45"/>
      <c r="O48" s="45"/>
      <c r="P48" s="45"/>
      <c r="Q48" s="45"/>
      <c r="R48" s="45"/>
      <c r="S48" s="45"/>
      <c r="T48" s="45"/>
      <c r="U48" s="45"/>
      <c r="V48" s="45"/>
    </row>
    <row r="49" spans="1:22" ht="12" thickBot="1"/>
    <row r="50" spans="1:22" ht="16.5" thickBot="1">
      <c r="A50" s="184" t="s">
        <v>57</v>
      </c>
      <c r="B50" s="185">
        <v>9.8500000000000004E-2</v>
      </c>
      <c r="C50" s="45"/>
      <c r="D50" s="45"/>
      <c r="E50" s="45"/>
      <c r="F50" s="45"/>
      <c r="G50" s="45"/>
      <c r="H50" s="45"/>
      <c r="I50" s="45"/>
      <c r="J50" s="45"/>
      <c r="K50" s="45"/>
      <c r="L50" s="45"/>
      <c r="M50" s="45"/>
      <c r="N50" s="45"/>
      <c r="O50" s="45"/>
      <c r="P50" s="45"/>
      <c r="Q50" s="45"/>
      <c r="R50" s="45"/>
      <c r="S50" s="45"/>
      <c r="T50" s="45"/>
      <c r="U50" s="45"/>
      <c r="V50" s="45"/>
    </row>
    <row r="51" spans="1:22">
      <c r="A51" s="45"/>
      <c r="B51" s="62"/>
      <c r="C51" s="45"/>
      <c r="D51" s="45"/>
      <c r="E51" s="45"/>
      <c r="F51" s="45"/>
      <c r="G51" s="45"/>
      <c r="H51" s="45"/>
      <c r="I51" s="45"/>
      <c r="J51" s="45"/>
      <c r="K51" s="45"/>
      <c r="L51" s="45"/>
      <c r="M51" s="63"/>
      <c r="N51" s="45"/>
      <c r="O51" s="45"/>
      <c r="P51" s="45"/>
      <c r="Q51" s="45"/>
      <c r="R51" s="45"/>
      <c r="S51" s="45"/>
      <c r="T51" s="45"/>
      <c r="U51" s="45"/>
      <c r="V51" s="45"/>
    </row>
    <row r="52" spans="1:22">
      <c r="A52" s="45"/>
      <c r="B52" s="62"/>
      <c r="C52" s="45"/>
      <c r="D52" s="45"/>
      <c r="E52" s="45"/>
      <c r="F52" s="45"/>
      <c r="G52" s="45"/>
      <c r="H52" s="45"/>
      <c r="I52" s="45"/>
      <c r="J52" s="45"/>
      <c r="K52" s="45"/>
      <c r="L52" s="45"/>
      <c r="M52" s="63"/>
      <c r="N52" s="45"/>
      <c r="O52" s="45"/>
      <c r="P52" s="45"/>
      <c r="Q52" s="45"/>
      <c r="R52" s="45"/>
      <c r="S52" s="45"/>
      <c r="T52" s="45"/>
      <c r="U52" s="45"/>
      <c r="V52" s="45"/>
    </row>
    <row r="53" spans="1:22">
      <c r="A53" s="45"/>
      <c r="B53" s="45"/>
      <c r="C53" s="45"/>
      <c r="D53" s="45"/>
      <c r="E53" s="45"/>
      <c r="F53" s="45"/>
      <c r="G53" s="45"/>
      <c r="H53" s="45"/>
      <c r="I53" s="45"/>
      <c r="J53" s="45"/>
      <c r="K53" s="45"/>
      <c r="L53" s="45"/>
      <c r="M53" s="45"/>
      <c r="N53" s="45"/>
      <c r="O53" s="45"/>
      <c r="P53" s="45"/>
      <c r="Q53" s="45"/>
      <c r="R53" s="45"/>
      <c r="S53" s="45"/>
      <c r="T53" s="45"/>
      <c r="U53" s="45"/>
      <c r="V53" s="45"/>
    </row>
    <row r="54" spans="1:22" ht="18">
      <c r="A54" s="183" t="s">
        <v>155</v>
      </c>
      <c r="B54" s="45"/>
      <c r="C54" s="45"/>
      <c r="D54" s="45"/>
      <c r="E54" s="45"/>
      <c r="F54" s="45"/>
      <c r="G54" s="45"/>
      <c r="H54" s="45"/>
      <c r="I54" s="45"/>
      <c r="J54" s="45"/>
      <c r="K54" s="45"/>
      <c r="L54" s="45"/>
      <c r="M54" s="45"/>
      <c r="N54" s="45"/>
      <c r="O54" s="45"/>
      <c r="P54" s="45"/>
      <c r="Q54" s="45"/>
      <c r="R54" s="45"/>
      <c r="S54" s="45"/>
      <c r="T54" s="45"/>
      <c r="U54" s="45"/>
      <c r="V54" s="45"/>
    </row>
    <row r="55" spans="1:22">
      <c r="A55" s="64" t="s">
        <v>83</v>
      </c>
      <c r="B55" s="65"/>
      <c r="C55" s="66">
        <v>1110167.7560731331</v>
      </c>
      <c r="D55" s="67">
        <v>1140384.5818531332</v>
      </c>
      <c r="E55" s="67">
        <v>1165027.2872931331</v>
      </c>
      <c r="F55" s="67">
        <v>1169508.4072931332</v>
      </c>
      <c r="G55" s="67">
        <v>1169508.4072931332</v>
      </c>
      <c r="H55" s="67">
        <v>59451.95355333334</v>
      </c>
      <c r="I55" s="67">
        <v>199863.44377333333</v>
      </c>
      <c r="J55" s="67">
        <v>345849.05433333333</v>
      </c>
      <c r="K55" s="67">
        <v>511996.25033333333</v>
      </c>
      <c r="L55" s="67">
        <v>704624.56633333326</v>
      </c>
      <c r="M55" s="67">
        <v>1744482.6311133332</v>
      </c>
      <c r="N55" s="67">
        <v>1604071.1408933334</v>
      </c>
      <c r="O55" s="67">
        <v>1458085.5303333332</v>
      </c>
      <c r="P55" s="67">
        <v>1291938.3343333332</v>
      </c>
      <c r="Q55" s="67">
        <v>1099310.0183333333</v>
      </c>
      <c r="R55" s="67">
        <v>59451.953553333333</v>
      </c>
      <c r="S55" s="67">
        <v>199863.44377333333</v>
      </c>
      <c r="T55" s="67">
        <v>345849.05433333333</v>
      </c>
      <c r="U55" s="67">
        <v>511996.25033333333</v>
      </c>
      <c r="V55" s="68">
        <v>682624.56633333326</v>
      </c>
    </row>
    <row r="56" spans="1:22">
      <c r="A56" s="69" t="s">
        <v>84</v>
      </c>
      <c r="B56" s="70"/>
      <c r="C56" s="72">
        <v>1080768.2849597998</v>
      </c>
      <c r="D56" s="72">
        <v>1080768.2849597998</v>
      </c>
      <c r="E56" s="72">
        <v>1080768.2849597998</v>
      </c>
      <c r="F56" s="72">
        <v>1080768.2849597998</v>
      </c>
      <c r="G56" s="72">
        <v>1080768.2849597998</v>
      </c>
      <c r="H56" s="72">
        <v>0</v>
      </c>
      <c r="I56" s="72">
        <v>170628.31599999999</v>
      </c>
      <c r="J56" s="72">
        <v>341256.63199999998</v>
      </c>
      <c r="K56" s="72">
        <v>511884.94799999997</v>
      </c>
      <c r="L56" s="72">
        <v>682513.26399999997</v>
      </c>
      <c r="M56" s="72">
        <v>1706283.16</v>
      </c>
      <c r="N56" s="72">
        <v>1535654.844</v>
      </c>
      <c r="O56" s="72">
        <v>1365026.5279999999</v>
      </c>
      <c r="P56" s="72">
        <v>1194398.2119999998</v>
      </c>
      <c r="Q56" s="72">
        <v>1023769.8959999999</v>
      </c>
      <c r="R56" s="72">
        <v>0</v>
      </c>
      <c r="S56" s="72">
        <v>170628.31599999999</v>
      </c>
      <c r="T56" s="72">
        <v>341256.63199999998</v>
      </c>
      <c r="U56" s="72">
        <v>511884.94799999997</v>
      </c>
      <c r="V56" s="73">
        <v>682513.26399999997</v>
      </c>
    </row>
    <row r="57" spans="1:22">
      <c r="A57" s="74" t="s">
        <v>85</v>
      </c>
      <c r="B57" s="45"/>
      <c r="C57" s="48">
        <v>111.30233333333334</v>
      </c>
      <c r="D57" s="48">
        <v>111.30233333333334</v>
      </c>
      <c r="E57" s="48">
        <v>111.30233333333334</v>
      </c>
      <c r="F57" s="48">
        <v>111.30233333333334</v>
      </c>
      <c r="G57" s="48">
        <v>111.30233333333334</v>
      </c>
      <c r="H57" s="48">
        <v>111.30233333333334</v>
      </c>
      <c r="I57" s="48">
        <v>111.30233333333334</v>
      </c>
      <c r="J57" s="48">
        <v>111.30233333333334</v>
      </c>
      <c r="K57" s="48">
        <v>111.30233333333334</v>
      </c>
      <c r="L57" s="48">
        <v>111.30233333333334</v>
      </c>
      <c r="M57" s="48">
        <v>111.30233333333334</v>
      </c>
      <c r="N57" s="48">
        <v>111.30233333333334</v>
      </c>
      <c r="O57" s="48">
        <v>111.30233333333334</v>
      </c>
      <c r="P57" s="48">
        <v>111.30233333333334</v>
      </c>
      <c r="Q57" s="48">
        <v>111.30233333333334</v>
      </c>
      <c r="R57" s="48">
        <v>111.30233333333334</v>
      </c>
      <c r="S57" s="48">
        <v>111.30233333333334</v>
      </c>
      <c r="T57" s="48">
        <v>111.30233333333334</v>
      </c>
      <c r="U57" s="48">
        <v>111.30233333333334</v>
      </c>
      <c r="V57" s="48">
        <v>111.30233333333334</v>
      </c>
    </row>
    <row r="58" spans="1:22">
      <c r="A58" s="77" t="s">
        <v>86</v>
      </c>
      <c r="B58" s="78"/>
      <c r="C58" s="80">
        <v>29288.16878</v>
      </c>
      <c r="D58" s="80">
        <v>59504.994560000006</v>
      </c>
      <c r="E58" s="80">
        <v>84147.700000000012</v>
      </c>
      <c r="F58" s="80">
        <v>88628.82</v>
      </c>
      <c r="G58" s="80">
        <v>88628.82</v>
      </c>
      <c r="H58" s="80">
        <v>59340.651220000007</v>
      </c>
      <c r="I58" s="80">
        <v>29123.825440000001</v>
      </c>
      <c r="J58" s="80">
        <v>4481.12</v>
      </c>
      <c r="K58" s="80">
        <v>0</v>
      </c>
      <c r="L58" s="80">
        <v>22000</v>
      </c>
      <c r="M58" s="80">
        <v>38088.16878</v>
      </c>
      <c r="N58" s="80">
        <v>68304.994560000006</v>
      </c>
      <c r="O58" s="80">
        <v>92947.700000000012</v>
      </c>
      <c r="P58" s="80">
        <v>97428.819999999992</v>
      </c>
      <c r="Q58" s="80">
        <v>75428.820000000007</v>
      </c>
      <c r="R58" s="80">
        <v>59340.65122</v>
      </c>
      <c r="S58" s="80">
        <v>29123.825440000001</v>
      </c>
      <c r="T58" s="80">
        <v>4481.12</v>
      </c>
      <c r="U58" s="80">
        <v>0</v>
      </c>
      <c r="V58" s="81">
        <v>0</v>
      </c>
    </row>
    <row r="88" spans="11:11" ht="12.75">
      <c r="K88" s="172" t="s">
        <v>169</v>
      </c>
    </row>
  </sheetData>
  <pageMargins left="0.19685039370078741" right="0.19685039370078741" top="0.19685039370078741" bottom="0.19685039370078741" header="0.31496062992125984" footer="0.31496062992125984"/>
  <pageSetup paperSize="9" scale="55" fitToWidth="2" orientation="landscape" r:id="rId1"/>
  <drawing r:id="rId2"/>
</worksheet>
</file>

<file path=xl/worksheets/sheet11.xml><?xml version="1.0" encoding="utf-8"?>
<worksheet xmlns="http://schemas.openxmlformats.org/spreadsheetml/2006/main" xmlns:r="http://schemas.openxmlformats.org/officeDocument/2006/relationships">
  <sheetPr codeName="Plan17"/>
  <dimension ref="A1:V88"/>
  <sheetViews>
    <sheetView view="pageBreakPreview" topLeftCell="A52" zoomScale="80" zoomScaleNormal="100" zoomScaleSheetLayoutView="80" workbookViewId="0">
      <selection activeCell="K89" sqref="K89"/>
    </sheetView>
  </sheetViews>
  <sheetFormatPr defaultRowHeight="11.25"/>
  <cols>
    <col min="1" max="1" width="34.85546875" style="2" customWidth="1"/>
    <col min="2" max="2" width="11.85546875" style="2" bestFit="1" customWidth="1"/>
    <col min="3" max="3" width="11.5703125" style="2" bestFit="1" customWidth="1"/>
    <col min="4" max="22" width="10.5703125" style="2" customWidth="1"/>
    <col min="23" max="23" width="9.140625" style="2"/>
    <col min="24" max="25" width="0" style="2" hidden="1" customWidth="1"/>
    <col min="26" max="16384" width="9.140625" style="2"/>
  </cols>
  <sheetData>
    <row r="1" spans="1:22" ht="18">
      <c r="A1" s="165" t="s">
        <v>92</v>
      </c>
    </row>
    <row r="4" spans="1:22" ht="18">
      <c r="A4" s="165" t="s">
        <v>152</v>
      </c>
    </row>
    <row r="5" spans="1:22" ht="15.75">
      <c r="A5" s="173" t="s">
        <v>158</v>
      </c>
    </row>
    <row r="6" spans="1:22" ht="15.75">
      <c r="A6" s="173" t="s">
        <v>153</v>
      </c>
    </row>
    <row r="7" spans="1:22" ht="12.75">
      <c r="A7" s="174" t="s">
        <v>56</v>
      </c>
      <c r="B7" s="175"/>
      <c r="C7" s="176">
        <v>10</v>
      </c>
    </row>
    <row r="8" spans="1:22" ht="12.75">
      <c r="A8" s="177" t="s">
        <v>58</v>
      </c>
      <c r="B8" s="178"/>
      <c r="C8" s="187">
        <v>64775.754664881693</v>
      </c>
    </row>
    <row r="9" spans="1:22" ht="12.75">
      <c r="A9" s="180"/>
      <c r="B9" s="180"/>
      <c r="C9" s="121"/>
    </row>
    <row r="10" spans="1:22" ht="12.75">
      <c r="A10" s="174" t="s">
        <v>59</v>
      </c>
      <c r="B10" s="175"/>
      <c r="C10" s="181">
        <v>49389.300867193029</v>
      </c>
    </row>
    <row r="11" spans="1:22" ht="12.75">
      <c r="A11" s="174" t="s">
        <v>60</v>
      </c>
      <c r="B11" s="175"/>
      <c r="C11" s="181">
        <v>20057.8358238</v>
      </c>
    </row>
    <row r="12" spans="1:22" ht="12.75">
      <c r="A12" s="174" t="s">
        <v>61</v>
      </c>
      <c r="B12" s="175"/>
      <c r="C12" s="182">
        <v>29331.465043393033</v>
      </c>
    </row>
    <row r="13" spans="1:22" ht="12.75">
      <c r="A13" s="174" t="s">
        <v>62</v>
      </c>
      <c r="B13" s="175"/>
      <c r="C13" s="181">
        <v>0</v>
      </c>
    </row>
    <row r="14" spans="1:22">
      <c r="A14" s="45"/>
      <c r="B14" s="45"/>
      <c r="C14" s="48"/>
    </row>
    <row r="15" spans="1:22" ht="18">
      <c r="A15" s="183" t="s">
        <v>154</v>
      </c>
      <c r="C15" s="48"/>
      <c r="D15" s="27"/>
      <c r="V15" s="49" t="s">
        <v>63</v>
      </c>
    </row>
    <row r="16" spans="1:22">
      <c r="A16" s="50"/>
      <c r="B16" s="50" t="s">
        <v>2</v>
      </c>
      <c r="C16" s="50" t="s">
        <v>3</v>
      </c>
      <c r="D16" s="50" t="s">
        <v>4</v>
      </c>
      <c r="E16" s="50" t="s">
        <v>5</v>
      </c>
      <c r="F16" s="50" t="s">
        <v>6</v>
      </c>
      <c r="G16" s="50" t="s">
        <v>7</v>
      </c>
      <c r="H16" s="50" t="s">
        <v>8</v>
      </c>
      <c r="I16" s="50" t="s">
        <v>9</v>
      </c>
      <c r="J16" s="50" t="s">
        <v>10</v>
      </c>
      <c r="K16" s="50" t="s">
        <v>11</v>
      </c>
      <c r="L16" s="50" t="s">
        <v>12</v>
      </c>
      <c r="M16" s="50" t="s">
        <v>13</v>
      </c>
      <c r="N16" s="50" t="s">
        <v>14</v>
      </c>
      <c r="O16" s="50" t="s">
        <v>15</v>
      </c>
      <c r="P16" s="50" t="s">
        <v>16</v>
      </c>
      <c r="Q16" s="50" t="s">
        <v>17</v>
      </c>
      <c r="R16" s="50" t="s">
        <v>18</v>
      </c>
      <c r="S16" s="50" t="s">
        <v>19</v>
      </c>
      <c r="T16" s="50" t="s">
        <v>20</v>
      </c>
      <c r="U16" s="50" t="s">
        <v>21</v>
      </c>
      <c r="V16" s="50" t="s">
        <v>22</v>
      </c>
    </row>
    <row r="17" spans="1:22">
      <c r="A17" s="45" t="s">
        <v>64</v>
      </c>
      <c r="B17" s="45"/>
      <c r="C17" s="48">
        <v>7773090.5597858028</v>
      </c>
      <c r="D17" s="48">
        <v>7773090.5597858028</v>
      </c>
      <c r="E17" s="48">
        <v>7773090.5597858028</v>
      </c>
      <c r="F17" s="48">
        <v>7773090.5597858028</v>
      </c>
      <c r="G17" s="48">
        <v>7773090.5597858028</v>
      </c>
      <c r="H17" s="48">
        <v>7773090.5597858028</v>
      </c>
      <c r="I17" s="48">
        <v>7773090.5597858028</v>
      </c>
      <c r="J17" s="48">
        <v>7773090.5597858028</v>
      </c>
      <c r="K17" s="48">
        <v>7773090.5597858028</v>
      </c>
      <c r="L17" s="48">
        <v>7773090.5597858028</v>
      </c>
      <c r="M17" s="48">
        <v>7773090.5597858028</v>
      </c>
      <c r="N17" s="48">
        <v>7773090.5597858028</v>
      </c>
      <c r="O17" s="48">
        <v>7773090.5597858028</v>
      </c>
      <c r="P17" s="48">
        <v>7773090.5597858028</v>
      </c>
      <c r="Q17" s="48">
        <v>7773090.5597858028</v>
      </c>
      <c r="R17" s="48">
        <v>7773090.5597858028</v>
      </c>
      <c r="S17" s="48">
        <v>7773090.5597858028</v>
      </c>
      <c r="T17" s="48">
        <v>7773090.5597858028</v>
      </c>
      <c r="U17" s="48">
        <v>7773090.5597858028</v>
      </c>
      <c r="V17" s="48">
        <v>7773090.5597858028</v>
      </c>
    </row>
    <row r="18" spans="1:22">
      <c r="A18" s="51" t="s">
        <v>65</v>
      </c>
      <c r="B18" s="51"/>
      <c r="C18" s="52">
        <v>155461.81119571606</v>
      </c>
      <c r="D18" s="52">
        <v>155461.81119571606</v>
      </c>
      <c r="E18" s="52">
        <v>155461.81119571606</v>
      </c>
      <c r="F18" s="52">
        <v>155461.81119571606</v>
      </c>
      <c r="G18" s="52">
        <v>155461.81119571606</v>
      </c>
      <c r="H18" s="52">
        <v>155461.81119571606</v>
      </c>
      <c r="I18" s="52">
        <v>155461.81119571606</v>
      </c>
      <c r="J18" s="52">
        <v>155461.81119571606</v>
      </c>
      <c r="K18" s="52">
        <v>155461.81119571606</v>
      </c>
      <c r="L18" s="52">
        <v>155461.81119571606</v>
      </c>
      <c r="M18" s="52">
        <v>155461.81119571606</v>
      </c>
      <c r="N18" s="52">
        <v>155461.81119571606</v>
      </c>
      <c r="O18" s="52">
        <v>155461.81119571606</v>
      </c>
      <c r="P18" s="52">
        <v>155461.81119571606</v>
      </c>
      <c r="Q18" s="52">
        <v>155461.81119571606</v>
      </c>
      <c r="R18" s="52">
        <v>155461.81119571606</v>
      </c>
      <c r="S18" s="52">
        <v>155461.81119571606</v>
      </c>
      <c r="T18" s="52">
        <v>155461.81119571606</v>
      </c>
      <c r="U18" s="52">
        <v>155461.81119571606</v>
      </c>
      <c r="V18" s="52">
        <v>155461.81119571606</v>
      </c>
    </row>
    <row r="19" spans="1:22">
      <c r="A19" s="45" t="s">
        <v>66</v>
      </c>
      <c r="B19" s="45"/>
      <c r="C19" s="53">
        <v>7617628.7485900866</v>
      </c>
      <c r="D19" s="53">
        <v>7617628.7485900866</v>
      </c>
      <c r="E19" s="53">
        <v>7617628.7485900866</v>
      </c>
      <c r="F19" s="53">
        <v>7617628.7485900866</v>
      </c>
      <c r="G19" s="53">
        <v>7617628.7485900866</v>
      </c>
      <c r="H19" s="53">
        <v>7617628.7485900866</v>
      </c>
      <c r="I19" s="53">
        <v>7617628.7485900866</v>
      </c>
      <c r="J19" s="53">
        <v>7617628.7485900866</v>
      </c>
      <c r="K19" s="53">
        <v>7617628.7485900866</v>
      </c>
      <c r="L19" s="53">
        <v>7617628.7485900866</v>
      </c>
      <c r="M19" s="53">
        <v>7617628.7485900866</v>
      </c>
      <c r="N19" s="53">
        <v>7617628.7485900866</v>
      </c>
      <c r="O19" s="53">
        <v>7617628.7485900866</v>
      </c>
      <c r="P19" s="53">
        <v>7617628.7485900866</v>
      </c>
      <c r="Q19" s="53">
        <v>7617628.7485900866</v>
      </c>
      <c r="R19" s="53">
        <v>7617628.7485900866</v>
      </c>
      <c r="S19" s="53">
        <v>7617628.7485900866</v>
      </c>
      <c r="T19" s="53">
        <v>7617628.7485900866</v>
      </c>
      <c r="U19" s="53">
        <v>7617628.7485900866</v>
      </c>
      <c r="V19" s="53">
        <v>7617628.7485900866</v>
      </c>
    </row>
    <row r="20" spans="1:22">
      <c r="A20" s="45"/>
      <c r="B20" s="45"/>
      <c r="C20" s="45"/>
      <c r="D20" s="45"/>
      <c r="E20" s="45"/>
      <c r="F20" s="45"/>
      <c r="G20" s="45"/>
      <c r="H20" s="45"/>
      <c r="I20" s="45"/>
      <c r="J20" s="45"/>
      <c r="K20" s="45"/>
      <c r="L20" s="45"/>
      <c r="M20" s="45"/>
      <c r="N20" s="45"/>
      <c r="O20" s="45"/>
      <c r="P20" s="45"/>
      <c r="Q20" s="45"/>
      <c r="R20" s="45"/>
      <c r="S20" s="45"/>
      <c r="T20" s="45"/>
      <c r="U20" s="45"/>
      <c r="V20" s="45"/>
    </row>
    <row r="21" spans="1:22">
      <c r="A21" s="51" t="s">
        <v>67</v>
      </c>
      <c r="B21" s="51"/>
      <c r="C21" s="52">
        <v>5937319.3040631637</v>
      </c>
      <c r="D21" s="52">
        <v>5937319.3040631637</v>
      </c>
      <c r="E21" s="52">
        <v>5937319.3040631637</v>
      </c>
      <c r="F21" s="52">
        <v>5944722.1040631635</v>
      </c>
      <c r="G21" s="52">
        <v>5944722.1040631635</v>
      </c>
      <c r="H21" s="52">
        <v>5944722.1040631635</v>
      </c>
      <c r="I21" s="52">
        <v>5944722.1040631635</v>
      </c>
      <c r="J21" s="52">
        <v>5944722.1040631635</v>
      </c>
      <c r="K21" s="52">
        <v>5944722.1040631635</v>
      </c>
      <c r="L21" s="52">
        <v>5944722.1040631635</v>
      </c>
      <c r="M21" s="54">
        <v>5937319.3040631637</v>
      </c>
      <c r="N21" s="54">
        <v>5937319.3040631637</v>
      </c>
      <c r="O21" s="54">
        <v>5937319.3040631637</v>
      </c>
      <c r="P21" s="54">
        <v>5944722.1040631635</v>
      </c>
      <c r="Q21" s="54">
        <v>5944722.1040631635</v>
      </c>
      <c r="R21" s="54">
        <v>5944722.1040631635</v>
      </c>
      <c r="S21" s="54">
        <v>5944722.1040631635</v>
      </c>
      <c r="T21" s="54">
        <v>5944722.1040631635</v>
      </c>
      <c r="U21" s="54">
        <v>5944722.1040631635</v>
      </c>
      <c r="V21" s="54">
        <v>5944722.1040631635</v>
      </c>
    </row>
    <row r="22" spans="1:22">
      <c r="A22" s="45"/>
      <c r="B22" s="45"/>
      <c r="C22" s="45"/>
      <c r="D22" s="45"/>
      <c r="E22" s="45"/>
      <c r="F22" s="45"/>
      <c r="G22" s="45"/>
      <c r="H22" s="45"/>
      <c r="I22" s="45"/>
      <c r="J22" s="45"/>
      <c r="K22" s="45"/>
      <c r="L22" s="45"/>
      <c r="M22" s="45"/>
      <c r="N22" s="45"/>
      <c r="O22" s="45"/>
      <c r="P22" s="45"/>
      <c r="Q22" s="45"/>
      <c r="R22" s="45"/>
      <c r="S22" s="45"/>
      <c r="T22" s="45"/>
      <c r="U22" s="45"/>
      <c r="V22" s="45"/>
    </row>
    <row r="23" spans="1:22">
      <c r="A23" s="45" t="s">
        <v>68</v>
      </c>
      <c r="B23" s="45"/>
      <c r="C23" s="48">
        <v>1154650.9151242331</v>
      </c>
      <c r="D23" s="48">
        <v>1184867.7409042332</v>
      </c>
      <c r="E23" s="48">
        <v>1209510.4463442331</v>
      </c>
      <c r="F23" s="48">
        <v>1213991.5663442332</v>
      </c>
      <c r="G23" s="48">
        <v>1213991.5663442332</v>
      </c>
      <c r="H23" s="48">
        <v>59451.95355333334</v>
      </c>
      <c r="I23" s="48">
        <v>206886.30577333336</v>
      </c>
      <c r="J23" s="48">
        <v>359894.77833333338</v>
      </c>
      <c r="K23" s="48">
        <v>533064.83633333328</v>
      </c>
      <c r="L23" s="48">
        <v>732716.01433333335</v>
      </c>
      <c r="M23" s="48">
        <v>1814711.2511133333</v>
      </c>
      <c r="N23" s="48">
        <v>1667276.8988933333</v>
      </c>
      <c r="O23" s="48">
        <v>1514268.4263333334</v>
      </c>
      <c r="P23" s="48">
        <v>1341098.3683333334</v>
      </c>
      <c r="Q23" s="48">
        <v>1141447.1903333333</v>
      </c>
      <c r="R23" s="48">
        <v>59451.953553333333</v>
      </c>
      <c r="S23" s="48">
        <v>206886.30577333336</v>
      </c>
      <c r="T23" s="48">
        <v>359894.77833333338</v>
      </c>
      <c r="U23" s="48">
        <v>533064.83633333328</v>
      </c>
      <c r="V23" s="48">
        <v>710716.01433333335</v>
      </c>
    </row>
    <row r="24" spans="1:22">
      <c r="A24" s="45"/>
      <c r="B24" s="45"/>
      <c r="C24" s="45"/>
      <c r="D24" s="45"/>
      <c r="E24" s="45"/>
      <c r="F24" s="45"/>
      <c r="G24" s="45"/>
      <c r="H24" s="45"/>
      <c r="I24" s="45"/>
      <c r="J24" s="45"/>
      <c r="K24" s="45"/>
      <c r="L24" s="45"/>
      <c r="M24" s="45"/>
      <c r="N24" s="45"/>
      <c r="O24" s="45"/>
      <c r="P24" s="45"/>
      <c r="Q24" s="45"/>
      <c r="R24" s="45"/>
      <c r="S24" s="45"/>
      <c r="T24" s="45"/>
      <c r="U24" s="45"/>
      <c r="V24" s="45"/>
    </row>
    <row r="25" spans="1:22">
      <c r="A25" s="51" t="s">
        <v>69</v>
      </c>
      <c r="B25" s="51"/>
      <c r="C25" s="54">
        <v>525658.52940268978</v>
      </c>
      <c r="D25" s="54">
        <v>495441.7036226897</v>
      </c>
      <c r="E25" s="54">
        <v>470798.99818268977</v>
      </c>
      <c r="F25" s="54">
        <v>458915.07818268985</v>
      </c>
      <c r="G25" s="54">
        <v>458915.07818268985</v>
      </c>
      <c r="H25" s="54">
        <v>1613454.6909735897</v>
      </c>
      <c r="I25" s="54">
        <v>1466020.3387535897</v>
      </c>
      <c r="J25" s="54">
        <v>1313011.8661935898</v>
      </c>
      <c r="K25" s="54">
        <v>1139841.8081935898</v>
      </c>
      <c r="L25" s="54">
        <v>940190.63019358972</v>
      </c>
      <c r="M25" s="54">
        <v>-134401.80658641038</v>
      </c>
      <c r="N25" s="54">
        <v>13032.545633589616</v>
      </c>
      <c r="O25" s="54">
        <v>166041.01819358952</v>
      </c>
      <c r="P25" s="54">
        <v>331808.27619358967</v>
      </c>
      <c r="Q25" s="54">
        <v>531459.45419358974</v>
      </c>
      <c r="R25" s="54">
        <v>1613454.6909735897</v>
      </c>
      <c r="S25" s="54">
        <v>1466020.3387535897</v>
      </c>
      <c r="T25" s="54">
        <v>1313011.8661935898</v>
      </c>
      <c r="U25" s="54">
        <v>1139841.8081935898</v>
      </c>
      <c r="V25" s="54">
        <v>962190.63019358972</v>
      </c>
    </row>
    <row r="26" spans="1:22">
      <c r="A26" s="45"/>
      <c r="B26" s="45"/>
      <c r="C26" s="45"/>
      <c r="D26" s="45"/>
      <c r="E26" s="45"/>
      <c r="F26" s="45"/>
      <c r="G26" s="45"/>
      <c r="H26" s="45"/>
      <c r="I26" s="45"/>
      <c r="J26" s="45"/>
      <c r="K26" s="45"/>
      <c r="L26" s="45"/>
      <c r="M26" s="45"/>
      <c r="N26" s="45"/>
      <c r="O26" s="45"/>
      <c r="P26" s="45"/>
      <c r="Q26" s="45"/>
      <c r="R26" s="45"/>
      <c r="S26" s="45"/>
      <c r="T26" s="45"/>
      <c r="U26" s="45"/>
      <c r="V26" s="45"/>
    </row>
    <row r="27" spans="1:22">
      <c r="A27" s="45" t="s">
        <v>70</v>
      </c>
      <c r="B27" s="45"/>
      <c r="C27" s="48">
        <v>178723.89999691452</v>
      </c>
      <c r="D27" s="48">
        <v>168450.17923171452</v>
      </c>
      <c r="E27" s="48">
        <v>160071.65938211454</v>
      </c>
      <c r="F27" s="48">
        <v>156031.12658211455</v>
      </c>
      <c r="G27" s="48">
        <v>156031.12658211455</v>
      </c>
      <c r="H27" s="48">
        <v>548574.59493102052</v>
      </c>
      <c r="I27" s="48">
        <v>498446.91517622053</v>
      </c>
      <c r="J27" s="48">
        <v>446424.03450582054</v>
      </c>
      <c r="K27" s="48">
        <v>387546.21478582057</v>
      </c>
      <c r="L27" s="48">
        <v>319664.81426582055</v>
      </c>
      <c r="M27" s="48">
        <v>0</v>
      </c>
      <c r="N27" s="48">
        <v>4431.0655154204696</v>
      </c>
      <c r="O27" s="48">
        <v>56453.946185820445</v>
      </c>
      <c r="P27" s="48">
        <v>112814.8139058205</v>
      </c>
      <c r="Q27" s="48">
        <v>180696.21442582054</v>
      </c>
      <c r="R27" s="48">
        <v>548574.59493102052</v>
      </c>
      <c r="S27" s="48">
        <v>498446.91517622053</v>
      </c>
      <c r="T27" s="48">
        <v>446424.03450582054</v>
      </c>
      <c r="U27" s="48">
        <v>387546.21478582057</v>
      </c>
      <c r="V27" s="48">
        <v>327144.81426582055</v>
      </c>
    </row>
    <row r="28" spans="1:22">
      <c r="A28" s="45"/>
      <c r="B28" s="45"/>
      <c r="C28" s="45"/>
      <c r="D28" s="45"/>
      <c r="E28" s="45"/>
      <c r="F28" s="45"/>
      <c r="G28" s="45"/>
      <c r="H28" s="45"/>
      <c r="I28" s="45"/>
      <c r="J28" s="45"/>
      <c r="K28" s="45"/>
      <c r="L28" s="45"/>
      <c r="M28" s="45"/>
      <c r="N28" s="45"/>
      <c r="O28" s="45"/>
      <c r="P28" s="45"/>
      <c r="Q28" s="45"/>
      <c r="R28" s="45"/>
      <c r="S28" s="45"/>
      <c r="T28" s="45"/>
      <c r="U28" s="45"/>
      <c r="V28" s="45"/>
    </row>
    <row r="29" spans="1:22">
      <c r="A29" s="51" t="s">
        <v>71</v>
      </c>
      <c r="B29" s="51"/>
      <c r="C29" s="54">
        <v>346934.62940577522</v>
      </c>
      <c r="D29" s="54">
        <v>326991.52439097519</v>
      </c>
      <c r="E29" s="54">
        <v>310727.33880057523</v>
      </c>
      <c r="F29" s="54">
        <v>302883.9516005753</v>
      </c>
      <c r="G29" s="54">
        <v>302883.9516005753</v>
      </c>
      <c r="H29" s="54">
        <v>1064880.0960425693</v>
      </c>
      <c r="I29" s="54">
        <v>967573.42357736919</v>
      </c>
      <c r="J29" s="54">
        <v>866587.83168776915</v>
      </c>
      <c r="K29" s="54">
        <v>752295.59340776922</v>
      </c>
      <c r="L29" s="54">
        <v>620525.81592776917</v>
      </c>
      <c r="M29" s="54">
        <v>-134401.80658641038</v>
      </c>
      <c r="N29" s="54">
        <v>8601.4801181691473</v>
      </c>
      <c r="O29" s="54">
        <v>109587.07200776908</v>
      </c>
      <c r="P29" s="54">
        <v>218993.46228776919</v>
      </c>
      <c r="Q29" s="54">
        <v>350763.23976776924</v>
      </c>
      <c r="R29" s="54">
        <v>1064880.0960425693</v>
      </c>
      <c r="S29" s="54">
        <v>967573.42357736919</v>
      </c>
      <c r="T29" s="54">
        <v>866587.83168776915</v>
      </c>
      <c r="U29" s="54">
        <v>752295.59340776922</v>
      </c>
      <c r="V29" s="54">
        <v>635045.81592776917</v>
      </c>
    </row>
    <row r="30" spans="1:22">
      <c r="A30" s="45"/>
      <c r="B30" s="45"/>
      <c r="C30" s="45"/>
      <c r="D30" s="45"/>
      <c r="E30" s="45"/>
      <c r="F30" s="45"/>
      <c r="G30" s="45"/>
      <c r="H30" s="45"/>
      <c r="I30" s="45"/>
      <c r="J30" s="45"/>
      <c r="K30" s="45"/>
      <c r="L30" s="45"/>
      <c r="M30" s="45"/>
      <c r="N30" s="45"/>
      <c r="O30" s="45"/>
      <c r="P30" s="45"/>
      <c r="Q30" s="45"/>
      <c r="R30" s="45"/>
      <c r="S30" s="45"/>
      <c r="T30" s="45"/>
      <c r="U30" s="45"/>
      <c r="V30" s="45"/>
    </row>
    <row r="31" spans="1:22">
      <c r="A31" s="45" t="s">
        <v>72</v>
      </c>
      <c r="B31" s="45"/>
      <c r="C31" s="48">
        <v>1154650.9151242331</v>
      </c>
      <c r="D31" s="48">
        <v>1184867.7409042332</v>
      </c>
      <c r="E31" s="48">
        <v>1209510.4463442331</v>
      </c>
      <c r="F31" s="48">
        <v>1213991.5663442332</v>
      </c>
      <c r="G31" s="48">
        <v>1213991.5663442332</v>
      </c>
      <c r="H31" s="48">
        <v>59451.95355333334</v>
      </c>
      <c r="I31" s="48">
        <v>206886.30577333336</v>
      </c>
      <c r="J31" s="48">
        <v>359894.77833333338</v>
      </c>
      <c r="K31" s="48">
        <v>533064.83633333328</v>
      </c>
      <c r="L31" s="48">
        <v>732716.01433333335</v>
      </c>
      <c r="M31" s="48">
        <v>1814711.2511133333</v>
      </c>
      <c r="N31" s="48">
        <v>1667276.8988933333</v>
      </c>
      <c r="O31" s="48">
        <v>1514268.4263333334</v>
      </c>
      <c r="P31" s="48">
        <v>1341098.3683333334</v>
      </c>
      <c r="Q31" s="48">
        <v>1141447.1903333333</v>
      </c>
      <c r="R31" s="48">
        <v>59451.953553333333</v>
      </c>
      <c r="S31" s="48">
        <v>206886.30577333336</v>
      </c>
      <c r="T31" s="48">
        <v>359894.77833333338</v>
      </c>
      <c r="U31" s="48">
        <v>533064.83633333328</v>
      </c>
      <c r="V31" s="48">
        <v>710716.01433333335</v>
      </c>
    </row>
    <row r="32" spans="1:22">
      <c r="A32" s="45"/>
      <c r="B32" s="45"/>
      <c r="C32" s="45"/>
      <c r="D32" s="45"/>
      <c r="E32" s="45"/>
      <c r="F32" s="45"/>
      <c r="G32" s="45"/>
      <c r="H32" s="45"/>
      <c r="I32" s="45"/>
      <c r="J32" s="45"/>
      <c r="K32" s="45"/>
      <c r="L32" s="45"/>
      <c r="M32" s="45"/>
      <c r="N32" s="45"/>
      <c r="O32" s="45"/>
      <c r="P32" s="45"/>
      <c r="Q32" s="45"/>
      <c r="R32" s="45"/>
      <c r="S32" s="45"/>
      <c r="T32" s="45"/>
      <c r="U32" s="45"/>
      <c r="V32" s="45"/>
    </row>
    <row r="33" spans="1:22">
      <c r="A33" s="51" t="s">
        <v>73</v>
      </c>
      <c r="B33" s="51"/>
      <c r="C33" s="54">
        <v>1501585.5445300085</v>
      </c>
      <c r="D33" s="54">
        <v>1511859.2652952084</v>
      </c>
      <c r="E33" s="54">
        <v>1520237.7851448082</v>
      </c>
      <c r="F33" s="54">
        <v>1516875.5179448086</v>
      </c>
      <c r="G33" s="54">
        <v>1516875.5179448086</v>
      </c>
      <c r="H33" s="54">
        <v>1124332.0495959027</v>
      </c>
      <c r="I33" s="54">
        <v>1174459.7293507026</v>
      </c>
      <c r="J33" s="54">
        <v>1226482.6100211025</v>
      </c>
      <c r="K33" s="54">
        <v>1285360.4297411025</v>
      </c>
      <c r="L33" s="54">
        <v>1353241.8302611024</v>
      </c>
      <c r="M33" s="54">
        <v>1680309.4445269229</v>
      </c>
      <c r="N33" s="54">
        <v>1675878.3790115025</v>
      </c>
      <c r="O33" s="54">
        <v>1623855.4983411024</v>
      </c>
      <c r="P33" s="54">
        <v>1560091.8306211026</v>
      </c>
      <c r="Q33" s="54">
        <v>1492210.4301011027</v>
      </c>
      <c r="R33" s="54">
        <v>1124332.0495959027</v>
      </c>
      <c r="S33" s="54">
        <v>1174459.7293507026</v>
      </c>
      <c r="T33" s="54">
        <v>1226482.6100211025</v>
      </c>
      <c r="U33" s="54">
        <v>1285360.4297411025</v>
      </c>
      <c r="V33" s="54">
        <v>1345761.8302611024</v>
      </c>
    </row>
    <row r="34" spans="1:22">
      <c r="A34" s="45"/>
      <c r="B34" s="45"/>
      <c r="C34" s="45"/>
      <c r="D34" s="45"/>
      <c r="E34" s="45"/>
      <c r="F34" s="45"/>
      <c r="G34" s="45"/>
      <c r="H34" s="45"/>
      <c r="I34" s="45"/>
      <c r="J34" s="45"/>
      <c r="K34" s="45"/>
      <c r="L34" s="45"/>
      <c r="M34" s="45"/>
      <c r="N34" s="45"/>
      <c r="O34" s="45"/>
      <c r="P34" s="45"/>
      <c r="Q34" s="45"/>
      <c r="R34" s="45"/>
      <c r="S34" s="45"/>
      <c r="T34" s="45"/>
      <c r="U34" s="45"/>
      <c r="V34" s="45"/>
    </row>
    <row r="35" spans="1:22">
      <c r="A35" s="45" t="s">
        <v>74</v>
      </c>
      <c r="B35" s="53">
        <v>7653779.5345575493</v>
      </c>
      <c r="C35" s="53">
        <v>80440.843899999993</v>
      </c>
      <c r="D35" s="53">
        <v>151084.12890000001</v>
      </c>
      <c r="E35" s="53">
        <v>123213.52720000001</v>
      </c>
      <c r="F35" s="53">
        <v>22405.599999999999</v>
      </c>
      <c r="G35" s="53">
        <v>0</v>
      </c>
      <c r="H35" s="53">
        <v>888255.89</v>
      </c>
      <c r="I35" s="53">
        <v>888255.89</v>
      </c>
      <c r="J35" s="53">
        <v>888255.89</v>
      </c>
      <c r="K35" s="53">
        <v>888255.89</v>
      </c>
      <c r="L35" s="53">
        <v>5439535.3399999999</v>
      </c>
      <c r="M35" s="53">
        <v>80440.843899999993</v>
      </c>
      <c r="N35" s="53">
        <v>151084.12890000001</v>
      </c>
      <c r="O35" s="53">
        <v>123213.52720000001</v>
      </c>
      <c r="P35" s="53">
        <v>22405.599999999999</v>
      </c>
      <c r="Q35" s="53">
        <v>0</v>
      </c>
      <c r="R35" s="53">
        <v>888255.89</v>
      </c>
      <c r="S35" s="53">
        <v>888255.89</v>
      </c>
      <c r="T35" s="53">
        <v>888255.89</v>
      </c>
      <c r="U35" s="53">
        <v>888255.89</v>
      </c>
      <c r="V35" s="53">
        <v>-81333.141151550197</v>
      </c>
    </row>
    <row r="36" spans="1:22">
      <c r="A36" s="55" t="s">
        <v>75</v>
      </c>
      <c r="B36" s="54">
        <v>7501676.2934059994</v>
      </c>
      <c r="C36" s="54">
        <v>0</v>
      </c>
      <c r="D36" s="54">
        <v>0</v>
      </c>
      <c r="E36" s="54">
        <v>0</v>
      </c>
      <c r="F36" s="54">
        <v>0</v>
      </c>
      <c r="G36" s="54">
        <v>0</v>
      </c>
      <c r="H36" s="54">
        <v>888255.89</v>
      </c>
      <c r="I36" s="54">
        <v>888255.89</v>
      </c>
      <c r="J36" s="54">
        <v>888255.89</v>
      </c>
      <c r="K36" s="54">
        <v>888255.89</v>
      </c>
      <c r="L36" s="54">
        <v>5329535.34</v>
      </c>
      <c r="M36" s="54">
        <v>0</v>
      </c>
      <c r="N36" s="54">
        <v>0</v>
      </c>
      <c r="O36" s="54">
        <v>0</v>
      </c>
      <c r="P36" s="54">
        <v>0</v>
      </c>
      <c r="Q36" s="54">
        <v>0</v>
      </c>
      <c r="R36" s="54">
        <v>888255.89</v>
      </c>
      <c r="S36" s="54">
        <v>888255.89</v>
      </c>
      <c r="T36" s="54">
        <v>888255.89</v>
      </c>
      <c r="U36" s="54">
        <v>888255.89</v>
      </c>
      <c r="V36" s="54">
        <v>0</v>
      </c>
    </row>
    <row r="37" spans="1:22">
      <c r="A37" s="56" t="s">
        <v>76</v>
      </c>
      <c r="B37" s="48">
        <v>66000</v>
      </c>
      <c r="C37" s="48">
        <v>80440.843899999993</v>
      </c>
      <c r="D37" s="48">
        <v>151084.12890000001</v>
      </c>
      <c r="E37" s="48">
        <v>123213.52720000001</v>
      </c>
      <c r="F37" s="48">
        <v>22405.599999999999</v>
      </c>
      <c r="G37" s="48">
        <v>0</v>
      </c>
      <c r="H37" s="48">
        <v>0</v>
      </c>
      <c r="I37" s="48">
        <v>0</v>
      </c>
      <c r="J37" s="48">
        <v>0</v>
      </c>
      <c r="K37" s="48">
        <v>0</v>
      </c>
      <c r="L37" s="48">
        <v>110000</v>
      </c>
      <c r="M37" s="48">
        <v>80440.843899999993</v>
      </c>
      <c r="N37" s="48">
        <v>151084.12890000001</v>
      </c>
      <c r="O37" s="48">
        <v>123213.52720000001</v>
      </c>
      <c r="P37" s="48">
        <v>22405.599999999999</v>
      </c>
      <c r="Q37" s="48">
        <v>0</v>
      </c>
      <c r="R37" s="48">
        <v>0</v>
      </c>
      <c r="S37" s="48">
        <v>0</v>
      </c>
      <c r="T37" s="48">
        <v>0</v>
      </c>
      <c r="U37" s="48">
        <v>0</v>
      </c>
      <c r="V37" s="48">
        <v>0</v>
      </c>
    </row>
    <row r="38" spans="1:22">
      <c r="A38" s="55" t="s">
        <v>77</v>
      </c>
      <c r="B38" s="57">
        <v>4770.1000000000004</v>
      </c>
      <c r="C38" s="51">
        <v>0</v>
      </c>
      <c r="D38" s="51">
        <v>0</v>
      </c>
      <c r="E38" s="51">
        <v>0</v>
      </c>
      <c r="F38" s="51">
        <v>0</v>
      </c>
      <c r="G38" s="51">
        <v>0</v>
      </c>
      <c r="H38" s="51">
        <v>0</v>
      </c>
      <c r="I38" s="51">
        <v>0</v>
      </c>
      <c r="J38" s="51">
        <v>0</v>
      </c>
      <c r="K38" s="51">
        <v>0</v>
      </c>
      <c r="L38" s="51">
        <v>0</v>
      </c>
      <c r="M38" s="51"/>
      <c r="N38" s="51"/>
      <c r="O38" s="51"/>
      <c r="P38" s="51"/>
      <c r="Q38" s="51"/>
      <c r="R38" s="51"/>
      <c r="S38" s="51"/>
      <c r="T38" s="51"/>
      <c r="U38" s="51"/>
      <c r="V38" s="51"/>
    </row>
    <row r="39" spans="1:22">
      <c r="A39" s="56" t="s">
        <v>78</v>
      </c>
      <c r="B39" s="48">
        <v>81333.141151550197</v>
      </c>
      <c r="C39" s="45">
        <v>0</v>
      </c>
      <c r="D39" s="45">
        <v>0</v>
      </c>
      <c r="E39" s="45">
        <v>0</v>
      </c>
      <c r="F39" s="45">
        <v>0</v>
      </c>
      <c r="G39" s="45">
        <v>0</v>
      </c>
      <c r="H39" s="45">
        <v>0</v>
      </c>
      <c r="I39" s="45">
        <v>0</v>
      </c>
      <c r="J39" s="45">
        <v>0</v>
      </c>
      <c r="K39" s="45">
        <v>0</v>
      </c>
      <c r="L39" s="53">
        <v>0</v>
      </c>
      <c r="M39" s="53">
        <v>0</v>
      </c>
      <c r="N39" s="53">
        <v>0</v>
      </c>
      <c r="O39" s="53">
        <v>0</v>
      </c>
      <c r="P39" s="53">
        <v>0</v>
      </c>
      <c r="Q39" s="53">
        <v>0</v>
      </c>
      <c r="R39" s="53">
        <v>0</v>
      </c>
      <c r="S39" s="53">
        <v>0</v>
      </c>
      <c r="T39" s="53">
        <v>0</v>
      </c>
      <c r="U39" s="53">
        <v>0</v>
      </c>
      <c r="V39" s="53">
        <v>-81333.141151550197</v>
      </c>
    </row>
    <row r="40" spans="1:22">
      <c r="A40" s="45"/>
      <c r="B40" s="45"/>
      <c r="C40" s="45"/>
      <c r="D40" s="45"/>
      <c r="E40" s="45"/>
      <c r="F40" s="45"/>
      <c r="G40" s="45"/>
      <c r="H40" s="45"/>
      <c r="I40" s="45"/>
      <c r="J40" s="45"/>
      <c r="K40" s="45"/>
      <c r="L40" s="45"/>
      <c r="M40" s="45"/>
      <c r="N40" s="45"/>
      <c r="O40" s="45"/>
      <c r="P40" s="45"/>
      <c r="Q40" s="45"/>
      <c r="R40" s="45"/>
      <c r="S40" s="45"/>
      <c r="T40" s="45"/>
      <c r="U40" s="45"/>
      <c r="V40" s="45"/>
    </row>
    <row r="41" spans="1:22">
      <c r="A41" s="51" t="s">
        <v>79</v>
      </c>
      <c r="B41" s="52">
        <v>0</v>
      </c>
      <c r="C41" s="52">
        <v>0</v>
      </c>
      <c r="D41" s="52">
        <v>0</v>
      </c>
      <c r="E41" s="52">
        <v>0</v>
      </c>
      <c r="F41" s="52">
        <v>0</v>
      </c>
      <c r="G41" s="52">
        <v>0</v>
      </c>
      <c r="H41" s="52">
        <v>37750.875325000001</v>
      </c>
      <c r="I41" s="52">
        <v>37750.875325000001</v>
      </c>
      <c r="J41" s="52">
        <v>37750.875325000001</v>
      </c>
      <c r="K41" s="52">
        <v>37750.875325000001</v>
      </c>
      <c r="L41" s="52">
        <v>226505.25195000003</v>
      </c>
      <c r="M41" s="52">
        <v>0</v>
      </c>
      <c r="N41" s="52">
        <v>0</v>
      </c>
      <c r="O41" s="52">
        <v>0</v>
      </c>
      <c r="P41" s="52">
        <v>0</v>
      </c>
      <c r="Q41" s="52">
        <v>0</v>
      </c>
      <c r="R41" s="52">
        <v>37750.875325000001</v>
      </c>
      <c r="S41" s="52">
        <v>37750.875325000001</v>
      </c>
      <c r="T41" s="52">
        <v>37750.875325000001</v>
      </c>
      <c r="U41" s="52">
        <v>37750.875325000001</v>
      </c>
      <c r="V41" s="52">
        <v>1684119.0438101331</v>
      </c>
    </row>
    <row r="42" spans="1:22">
      <c r="A42" s="45" t="s">
        <v>80</v>
      </c>
      <c r="B42" s="45"/>
      <c r="C42" s="53">
        <v>0</v>
      </c>
      <c r="D42" s="53">
        <v>0</v>
      </c>
      <c r="E42" s="53">
        <v>0</v>
      </c>
      <c r="F42" s="53">
        <v>0</v>
      </c>
      <c r="G42" s="53">
        <v>0</v>
      </c>
      <c r="H42" s="53">
        <v>37750.875325000001</v>
      </c>
      <c r="I42" s="53">
        <v>37750.875325000001</v>
      </c>
      <c r="J42" s="53">
        <v>37750.875325000001</v>
      </c>
      <c r="K42" s="53">
        <v>37750.875325000001</v>
      </c>
      <c r="L42" s="53">
        <v>226505.25195000003</v>
      </c>
      <c r="M42" s="53">
        <v>0</v>
      </c>
      <c r="N42" s="53">
        <v>0</v>
      </c>
      <c r="O42" s="53">
        <v>0</v>
      </c>
      <c r="P42" s="53">
        <v>0</v>
      </c>
      <c r="Q42" s="53">
        <v>0</v>
      </c>
      <c r="R42" s="53">
        <v>37750.875325000001</v>
      </c>
      <c r="S42" s="53">
        <v>37750.875325000001</v>
      </c>
      <c r="T42" s="53">
        <v>37750.875325000001</v>
      </c>
      <c r="U42" s="53">
        <v>37750.875325000001</v>
      </c>
      <c r="V42" s="53">
        <v>1681574.9904767999</v>
      </c>
    </row>
    <row r="43" spans="1:22">
      <c r="A43" s="51" t="s">
        <v>81</v>
      </c>
      <c r="B43" s="51"/>
      <c r="C43" s="51">
        <v>0</v>
      </c>
      <c r="D43" s="51">
        <v>0</v>
      </c>
      <c r="E43" s="51">
        <v>0</v>
      </c>
      <c r="F43" s="51">
        <v>0</v>
      </c>
      <c r="G43" s="51">
        <v>0</v>
      </c>
      <c r="H43" s="51">
        <v>0</v>
      </c>
      <c r="I43" s="51">
        <v>0</v>
      </c>
      <c r="J43" s="51">
        <v>0</v>
      </c>
      <c r="K43" s="51">
        <v>0</v>
      </c>
      <c r="L43" s="51">
        <v>0</v>
      </c>
      <c r="M43" s="51">
        <v>0</v>
      </c>
      <c r="N43" s="51">
        <v>0</v>
      </c>
      <c r="O43" s="51">
        <v>0</v>
      </c>
      <c r="P43" s="51">
        <v>0</v>
      </c>
      <c r="Q43" s="51">
        <v>0</v>
      </c>
      <c r="R43" s="51">
        <v>0</v>
      </c>
      <c r="S43" s="51">
        <v>0</v>
      </c>
      <c r="T43" s="51">
        <v>0</v>
      </c>
      <c r="U43" s="51">
        <v>0</v>
      </c>
      <c r="V43" s="51">
        <v>2544.0533333333337</v>
      </c>
    </row>
    <row r="44" spans="1:22">
      <c r="A44" s="45"/>
      <c r="B44" s="45"/>
      <c r="C44" s="45"/>
      <c r="D44" s="45"/>
      <c r="E44" s="45"/>
      <c r="F44" s="45"/>
      <c r="G44" s="45"/>
      <c r="H44" s="45"/>
      <c r="I44" s="45"/>
      <c r="J44" s="45"/>
      <c r="K44" s="45"/>
      <c r="L44" s="45"/>
      <c r="M44" s="45"/>
      <c r="N44" s="45"/>
      <c r="O44" s="45"/>
      <c r="P44" s="45"/>
      <c r="Q44" s="45"/>
      <c r="R44" s="45"/>
      <c r="S44" s="45"/>
      <c r="T44" s="45"/>
      <c r="U44" s="45"/>
      <c r="V44" s="45"/>
    </row>
    <row r="45" spans="1:22">
      <c r="A45" s="59" t="s">
        <v>82</v>
      </c>
      <c r="B45" s="60">
        <v>-7653779.5345575493</v>
      </c>
      <c r="C45" s="60">
        <v>1421144.7006300085</v>
      </c>
      <c r="D45" s="60">
        <v>1360775.1363952085</v>
      </c>
      <c r="E45" s="60">
        <v>1397024.2579448083</v>
      </c>
      <c r="F45" s="60">
        <v>1494469.9179448085</v>
      </c>
      <c r="G45" s="60">
        <v>1516875.5179448086</v>
      </c>
      <c r="H45" s="60">
        <v>273827.03492090269</v>
      </c>
      <c r="I45" s="60">
        <v>323954.71467570262</v>
      </c>
      <c r="J45" s="60">
        <v>375977.59534610249</v>
      </c>
      <c r="K45" s="60">
        <v>434855.41506610252</v>
      </c>
      <c r="L45" s="60">
        <v>-3859788.2577888975</v>
      </c>
      <c r="M45" s="60">
        <v>1599868.6006269229</v>
      </c>
      <c r="N45" s="60">
        <v>1524794.2501115026</v>
      </c>
      <c r="O45" s="60">
        <v>1500641.9711411023</v>
      </c>
      <c r="P45" s="60">
        <v>1537686.2306211025</v>
      </c>
      <c r="Q45" s="60">
        <v>1492210.4301011027</v>
      </c>
      <c r="R45" s="60">
        <v>273827.03492090269</v>
      </c>
      <c r="S45" s="60">
        <v>323954.71467570262</v>
      </c>
      <c r="T45" s="60">
        <v>375977.59534610249</v>
      </c>
      <c r="U45" s="60">
        <v>434855.41506610252</v>
      </c>
      <c r="V45" s="60">
        <v>3111214.015222786</v>
      </c>
    </row>
    <row r="46" spans="1:22">
      <c r="A46" s="45"/>
      <c r="B46" s="45"/>
      <c r="C46" s="53"/>
      <c r="D46" s="53"/>
      <c r="E46" s="53"/>
      <c r="F46" s="53"/>
      <c r="G46" s="53"/>
      <c r="H46" s="53"/>
      <c r="I46" s="53"/>
      <c r="J46" s="53"/>
      <c r="K46" s="53"/>
      <c r="L46" s="53"/>
      <c r="M46" s="53"/>
      <c r="N46" s="53"/>
      <c r="O46" s="53"/>
      <c r="P46" s="53"/>
      <c r="Q46" s="53"/>
      <c r="R46" s="53"/>
      <c r="S46" s="53"/>
      <c r="T46" s="53"/>
      <c r="U46" s="53"/>
      <c r="V46" s="53"/>
    </row>
    <row r="47" spans="1:22">
      <c r="A47" s="39"/>
      <c r="B47" s="45"/>
      <c r="C47" s="45"/>
      <c r="D47" s="45"/>
      <c r="E47" s="45"/>
      <c r="F47" s="45"/>
      <c r="G47" s="45"/>
      <c r="H47" s="45"/>
      <c r="I47" s="45"/>
      <c r="J47" s="45"/>
      <c r="K47" s="45"/>
      <c r="L47" s="45"/>
      <c r="M47" s="45"/>
      <c r="N47" s="45"/>
      <c r="O47" s="45"/>
      <c r="P47" s="45"/>
      <c r="Q47" s="45"/>
      <c r="R47" s="45"/>
      <c r="S47" s="45"/>
      <c r="T47" s="45"/>
      <c r="U47" s="45"/>
      <c r="V47" s="45"/>
    </row>
    <row r="48" spans="1:22">
      <c r="A48" s="45"/>
      <c r="B48" s="45"/>
      <c r="C48" s="45"/>
      <c r="D48" s="45"/>
      <c r="E48" s="45"/>
      <c r="F48" s="45"/>
      <c r="G48" s="45"/>
      <c r="H48" s="45"/>
      <c r="I48" s="45"/>
      <c r="J48" s="45"/>
      <c r="K48" s="45"/>
      <c r="L48" s="45"/>
      <c r="M48" s="45"/>
      <c r="N48" s="45"/>
      <c r="O48" s="45"/>
      <c r="P48" s="45"/>
      <c r="Q48" s="45"/>
      <c r="R48" s="45"/>
      <c r="S48" s="45"/>
      <c r="T48" s="45"/>
      <c r="U48" s="45"/>
      <c r="V48" s="45"/>
    </row>
    <row r="49" spans="1:22" ht="12" thickBot="1"/>
    <row r="50" spans="1:22" ht="16.5" thickBot="1">
      <c r="A50" s="184" t="s">
        <v>57</v>
      </c>
      <c r="B50" s="185">
        <v>9.8500000000000004E-2</v>
      </c>
      <c r="C50" s="45"/>
      <c r="D50" s="45"/>
      <c r="E50" s="45"/>
      <c r="F50" s="45"/>
      <c r="G50" s="45"/>
      <c r="H50" s="45"/>
      <c r="I50" s="45"/>
      <c r="J50" s="45"/>
      <c r="K50" s="45"/>
      <c r="L50" s="45"/>
      <c r="M50" s="45"/>
      <c r="N50" s="45"/>
      <c r="O50" s="45"/>
      <c r="P50" s="45"/>
      <c r="Q50" s="45"/>
      <c r="R50" s="45"/>
      <c r="S50" s="45"/>
      <c r="T50" s="45"/>
      <c r="U50" s="45"/>
      <c r="V50" s="45"/>
    </row>
    <row r="51" spans="1:22">
      <c r="A51" s="45"/>
      <c r="B51" s="62"/>
      <c r="C51" s="45"/>
      <c r="D51" s="45"/>
      <c r="E51" s="45"/>
      <c r="F51" s="45"/>
      <c r="G51" s="45"/>
      <c r="H51" s="45"/>
      <c r="I51" s="45"/>
      <c r="J51" s="45"/>
      <c r="K51" s="45"/>
      <c r="L51" s="45"/>
      <c r="M51" s="63"/>
      <c r="N51" s="45"/>
      <c r="O51" s="45"/>
      <c r="P51" s="45"/>
      <c r="Q51" s="45"/>
      <c r="R51" s="45"/>
      <c r="S51" s="45"/>
      <c r="T51" s="45"/>
      <c r="U51" s="45"/>
      <c r="V51" s="45"/>
    </row>
    <row r="52" spans="1:22">
      <c r="A52" s="45"/>
      <c r="B52" s="62"/>
      <c r="C52" s="45"/>
      <c r="D52" s="45"/>
      <c r="E52" s="45"/>
      <c r="F52" s="45"/>
      <c r="G52" s="45"/>
      <c r="H52" s="45"/>
      <c r="I52" s="45"/>
      <c r="J52" s="45"/>
      <c r="K52" s="45"/>
      <c r="L52" s="45"/>
      <c r="M52" s="63"/>
      <c r="N52" s="45"/>
      <c r="O52" s="45"/>
      <c r="P52" s="45"/>
      <c r="Q52" s="45"/>
      <c r="R52" s="45"/>
      <c r="S52" s="45"/>
      <c r="T52" s="45"/>
      <c r="U52" s="45"/>
      <c r="V52" s="45"/>
    </row>
    <row r="53" spans="1:22">
      <c r="A53" s="45"/>
      <c r="B53" s="45"/>
      <c r="C53" s="45"/>
      <c r="D53" s="45"/>
      <c r="E53" s="45"/>
      <c r="F53" s="45"/>
      <c r="G53" s="45"/>
      <c r="H53" s="45"/>
      <c r="I53" s="45"/>
      <c r="J53" s="45"/>
      <c r="K53" s="45"/>
      <c r="L53" s="45"/>
      <c r="M53" s="45"/>
      <c r="N53" s="45"/>
      <c r="O53" s="45"/>
      <c r="P53" s="45"/>
      <c r="Q53" s="45"/>
      <c r="R53" s="45"/>
      <c r="S53" s="45"/>
      <c r="T53" s="45"/>
      <c r="U53" s="45"/>
      <c r="V53" s="45"/>
    </row>
    <row r="54" spans="1:22" ht="18">
      <c r="A54" s="183" t="s">
        <v>155</v>
      </c>
      <c r="B54" s="45"/>
      <c r="C54" s="45"/>
      <c r="D54" s="45"/>
      <c r="E54" s="45"/>
      <c r="F54" s="45"/>
      <c r="G54" s="45"/>
      <c r="H54" s="45"/>
      <c r="I54" s="45"/>
      <c r="J54" s="45"/>
      <c r="K54" s="45"/>
      <c r="L54" s="45"/>
      <c r="M54" s="45"/>
      <c r="N54" s="45"/>
      <c r="O54" s="45"/>
      <c r="P54" s="45"/>
      <c r="Q54" s="45"/>
      <c r="R54" s="45"/>
      <c r="S54" s="45"/>
      <c r="T54" s="45"/>
      <c r="U54" s="45"/>
      <c r="V54" s="45"/>
    </row>
    <row r="55" spans="1:22">
      <c r="A55" s="64" t="s">
        <v>83</v>
      </c>
      <c r="B55" s="65"/>
      <c r="C55" s="66">
        <v>1154650.9151242331</v>
      </c>
      <c r="D55" s="67">
        <v>1184867.7409042332</v>
      </c>
      <c r="E55" s="67">
        <v>1209510.4463442331</v>
      </c>
      <c r="F55" s="67">
        <v>1213991.5663442332</v>
      </c>
      <c r="G55" s="67">
        <v>1213991.5663442332</v>
      </c>
      <c r="H55" s="67">
        <v>59451.95355333334</v>
      </c>
      <c r="I55" s="67">
        <v>206886.30577333336</v>
      </c>
      <c r="J55" s="67">
        <v>359894.77833333338</v>
      </c>
      <c r="K55" s="67">
        <v>533064.83633333328</v>
      </c>
      <c r="L55" s="67">
        <v>732716.01433333335</v>
      </c>
      <c r="M55" s="67">
        <v>1814711.2511133333</v>
      </c>
      <c r="N55" s="67">
        <v>1667276.8988933333</v>
      </c>
      <c r="O55" s="67">
        <v>1514268.4263333334</v>
      </c>
      <c r="P55" s="67">
        <v>1341098.3683333334</v>
      </c>
      <c r="Q55" s="67">
        <v>1141447.1903333333</v>
      </c>
      <c r="R55" s="67">
        <v>59451.953553333333</v>
      </c>
      <c r="S55" s="67">
        <v>206886.30577333336</v>
      </c>
      <c r="T55" s="67">
        <v>359894.77833333338</v>
      </c>
      <c r="U55" s="67">
        <v>533064.83633333328</v>
      </c>
      <c r="V55" s="68">
        <v>710716.01433333335</v>
      </c>
    </row>
    <row r="56" spans="1:22">
      <c r="A56" s="69" t="s">
        <v>84</v>
      </c>
      <c r="B56" s="70"/>
      <c r="C56" s="72">
        <v>1125251.4440108999</v>
      </c>
      <c r="D56" s="72">
        <v>1125251.4440108999</v>
      </c>
      <c r="E56" s="72">
        <v>1125251.4440108999</v>
      </c>
      <c r="F56" s="72">
        <v>1125251.4440108999</v>
      </c>
      <c r="G56" s="72">
        <v>1125251.4440108999</v>
      </c>
      <c r="H56" s="72">
        <v>0</v>
      </c>
      <c r="I56" s="72">
        <v>177651.17800000001</v>
      </c>
      <c r="J56" s="72">
        <v>355302.35600000003</v>
      </c>
      <c r="K56" s="72">
        <v>532953.53399999999</v>
      </c>
      <c r="L56" s="72">
        <v>710604.71200000006</v>
      </c>
      <c r="M56" s="72">
        <v>1776511.78</v>
      </c>
      <c r="N56" s="72">
        <v>1598860.602</v>
      </c>
      <c r="O56" s="72">
        <v>1421209.4240000001</v>
      </c>
      <c r="P56" s="72">
        <v>1243558.246</v>
      </c>
      <c r="Q56" s="72">
        <v>1065907.068</v>
      </c>
      <c r="R56" s="72">
        <v>0</v>
      </c>
      <c r="S56" s="72">
        <v>177651.17800000001</v>
      </c>
      <c r="T56" s="72">
        <v>355302.35600000003</v>
      </c>
      <c r="U56" s="72">
        <v>532953.53399999999</v>
      </c>
      <c r="V56" s="73">
        <v>710604.71200000006</v>
      </c>
    </row>
    <row r="57" spans="1:22">
      <c r="A57" s="74" t="s">
        <v>85</v>
      </c>
      <c r="B57" s="45"/>
      <c r="C57" s="48">
        <v>111.30233333333334</v>
      </c>
      <c r="D57" s="48">
        <v>111.30233333333334</v>
      </c>
      <c r="E57" s="48">
        <v>111.30233333333334</v>
      </c>
      <c r="F57" s="48">
        <v>111.30233333333334</v>
      </c>
      <c r="G57" s="48">
        <v>111.30233333333334</v>
      </c>
      <c r="H57" s="48">
        <v>111.30233333333334</v>
      </c>
      <c r="I57" s="48">
        <v>111.30233333333334</v>
      </c>
      <c r="J57" s="48">
        <v>111.30233333333334</v>
      </c>
      <c r="K57" s="48">
        <v>111.30233333333334</v>
      </c>
      <c r="L57" s="48">
        <v>111.30233333333334</v>
      </c>
      <c r="M57" s="48">
        <v>111.30233333333334</v>
      </c>
      <c r="N57" s="48">
        <v>111.30233333333334</v>
      </c>
      <c r="O57" s="48">
        <v>111.30233333333334</v>
      </c>
      <c r="P57" s="48">
        <v>111.30233333333334</v>
      </c>
      <c r="Q57" s="48">
        <v>111.30233333333334</v>
      </c>
      <c r="R57" s="48">
        <v>111.30233333333334</v>
      </c>
      <c r="S57" s="48">
        <v>111.30233333333334</v>
      </c>
      <c r="T57" s="48">
        <v>111.30233333333334</v>
      </c>
      <c r="U57" s="48">
        <v>111.30233333333334</v>
      </c>
      <c r="V57" s="48">
        <v>111.30233333333334</v>
      </c>
    </row>
    <row r="58" spans="1:22">
      <c r="A58" s="77" t="s">
        <v>86</v>
      </c>
      <c r="B58" s="78"/>
      <c r="C58" s="80">
        <v>29288.16878</v>
      </c>
      <c r="D58" s="80">
        <v>59504.994560000006</v>
      </c>
      <c r="E58" s="80">
        <v>84147.700000000012</v>
      </c>
      <c r="F58" s="80">
        <v>88628.82</v>
      </c>
      <c r="G58" s="80">
        <v>88628.82</v>
      </c>
      <c r="H58" s="80">
        <v>59340.651220000007</v>
      </c>
      <c r="I58" s="80">
        <v>29123.825440000001</v>
      </c>
      <c r="J58" s="80">
        <v>4481.12</v>
      </c>
      <c r="K58" s="80">
        <v>0</v>
      </c>
      <c r="L58" s="80">
        <v>22000</v>
      </c>
      <c r="M58" s="80">
        <v>38088.16878</v>
      </c>
      <c r="N58" s="80">
        <v>68304.994560000006</v>
      </c>
      <c r="O58" s="80">
        <v>92947.700000000012</v>
      </c>
      <c r="P58" s="80">
        <v>97428.819999999992</v>
      </c>
      <c r="Q58" s="80">
        <v>75428.820000000007</v>
      </c>
      <c r="R58" s="80">
        <v>59340.65122</v>
      </c>
      <c r="S58" s="80">
        <v>29123.825440000001</v>
      </c>
      <c r="T58" s="80">
        <v>4481.12</v>
      </c>
      <c r="U58" s="80">
        <v>0</v>
      </c>
      <c r="V58" s="81">
        <v>0</v>
      </c>
    </row>
    <row r="88" spans="11:11" ht="12.75">
      <c r="K88" s="172" t="s">
        <v>168</v>
      </c>
    </row>
  </sheetData>
  <pageMargins left="0.19685039370078741" right="0.19685039370078741" top="0.19685039370078741" bottom="0.19685039370078741" header="0.31496062992125984" footer="0.31496062992125984"/>
  <pageSetup paperSize="9" scale="55" fitToWidth="2" orientation="landscape" r:id="rId1"/>
  <drawing r:id="rId2"/>
</worksheet>
</file>

<file path=xl/worksheets/sheet12.xml><?xml version="1.0" encoding="utf-8"?>
<worksheet xmlns="http://schemas.openxmlformats.org/spreadsheetml/2006/main" xmlns:r="http://schemas.openxmlformats.org/officeDocument/2006/relationships">
  <sheetPr codeName="Plan18"/>
  <dimension ref="A1:X88"/>
  <sheetViews>
    <sheetView view="pageBreakPreview" topLeftCell="A58" zoomScale="80" zoomScaleNormal="100" zoomScaleSheetLayoutView="80" workbookViewId="0">
      <selection activeCell="K89" sqref="K89"/>
    </sheetView>
  </sheetViews>
  <sheetFormatPr defaultRowHeight="11.25"/>
  <cols>
    <col min="1" max="1" width="34.85546875" style="2" customWidth="1"/>
    <col min="2" max="2" width="11.85546875" style="2" bestFit="1" customWidth="1"/>
    <col min="3" max="3" width="11.5703125" style="2" bestFit="1" customWidth="1"/>
    <col min="4" max="22" width="10.5703125" style="2" customWidth="1"/>
    <col min="23" max="23" width="9.140625" style="2"/>
    <col min="24" max="24" width="9.140625" style="2" hidden="1" customWidth="1"/>
    <col min="25" max="25" width="9.140625" style="2" customWidth="1"/>
    <col min="26" max="16384" width="9.140625" style="2"/>
  </cols>
  <sheetData>
    <row r="1" spans="1:22" ht="18">
      <c r="A1" s="165" t="s">
        <v>93</v>
      </c>
    </row>
    <row r="4" spans="1:22" ht="18">
      <c r="A4" s="165" t="s">
        <v>152</v>
      </c>
    </row>
    <row r="5" spans="1:22" ht="15.75">
      <c r="A5" s="173" t="s">
        <v>159</v>
      </c>
    </row>
    <row r="6" spans="1:22" ht="15.75">
      <c r="A6" s="173" t="s">
        <v>153</v>
      </c>
    </row>
    <row r="7" spans="1:22">
      <c r="A7" s="40" t="s">
        <v>56</v>
      </c>
      <c r="B7" s="41"/>
      <c r="C7" s="42">
        <v>10</v>
      </c>
    </row>
    <row r="8" spans="1:22">
      <c r="A8" s="43" t="s">
        <v>58</v>
      </c>
      <c r="B8" s="44"/>
      <c r="C8" s="82">
        <v>69064.399318522526</v>
      </c>
    </row>
    <row r="9" spans="1:22">
      <c r="A9" s="45"/>
      <c r="B9" s="45"/>
    </row>
    <row r="10" spans="1:22">
      <c r="A10" s="40" t="s">
        <v>59</v>
      </c>
      <c r="B10" s="41"/>
      <c r="C10" s="46">
        <v>52242.598239993029</v>
      </c>
    </row>
    <row r="11" spans="1:22">
      <c r="A11" s="40" t="s">
        <v>60</v>
      </c>
      <c r="B11" s="41"/>
      <c r="C11" s="46">
        <v>22554.833196599997</v>
      </c>
    </row>
    <row r="12" spans="1:22">
      <c r="A12" s="40" t="s">
        <v>61</v>
      </c>
      <c r="B12" s="41"/>
      <c r="C12" s="47">
        <v>29687.765043393032</v>
      </c>
    </row>
    <row r="13" spans="1:22">
      <c r="A13" s="40" t="s">
        <v>62</v>
      </c>
      <c r="B13" s="41"/>
      <c r="C13" s="46">
        <v>0</v>
      </c>
    </row>
    <row r="14" spans="1:22">
      <c r="A14" s="45"/>
      <c r="B14" s="45"/>
      <c r="C14" s="48"/>
    </row>
    <row r="15" spans="1:22" ht="18">
      <c r="A15" s="183" t="s">
        <v>154</v>
      </c>
      <c r="C15" s="48"/>
      <c r="D15" s="27"/>
      <c r="V15" s="49" t="s">
        <v>63</v>
      </c>
    </row>
    <row r="16" spans="1:22">
      <c r="A16" s="50"/>
      <c r="B16" s="50" t="s">
        <v>2</v>
      </c>
      <c r="C16" s="50" t="s">
        <v>3</v>
      </c>
      <c r="D16" s="50" t="s">
        <v>4</v>
      </c>
      <c r="E16" s="50" t="s">
        <v>5</v>
      </c>
      <c r="F16" s="50" t="s">
        <v>6</v>
      </c>
      <c r="G16" s="50" t="s">
        <v>7</v>
      </c>
      <c r="H16" s="50" t="s">
        <v>8</v>
      </c>
      <c r="I16" s="50" t="s">
        <v>9</v>
      </c>
      <c r="J16" s="50" t="s">
        <v>10</v>
      </c>
      <c r="K16" s="50" t="s">
        <v>11</v>
      </c>
      <c r="L16" s="50" t="s">
        <v>12</v>
      </c>
      <c r="M16" s="50" t="s">
        <v>13</v>
      </c>
      <c r="N16" s="50" t="s">
        <v>14</v>
      </c>
      <c r="O16" s="50" t="s">
        <v>15</v>
      </c>
      <c r="P16" s="50" t="s">
        <v>16</v>
      </c>
      <c r="Q16" s="50" t="s">
        <v>17</v>
      </c>
      <c r="R16" s="50" t="s">
        <v>18</v>
      </c>
      <c r="S16" s="50" t="s">
        <v>19</v>
      </c>
      <c r="T16" s="50" t="s">
        <v>20</v>
      </c>
      <c r="U16" s="50" t="s">
        <v>21</v>
      </c>
      <c r="V16" s="50" t="s">
        <v>22</v>
      </c>
    </row>
    <row r="17" spans="1:22">
      <c r="A17" s="45" t="s">
        <v>64</v>
      </c>
      <c r="B17" s="45"/>
      <c r="C17" s="48">
        <v>8287727.918222703</v>
      </c>
      <c r="D17" s="48">
        <v>8287727.918222703</v>
      </c>
      <c r="E17" s="48">
        <v>8287727.918222703</v>
      </c>
      <c r="F17" s="48">
        <v>8287727.918222703</v>
      </c>
      <c r="G17" s="48">
        <v>8287727.918222703</v>
      </c>
      <c r="H17" s="48">
        <v>8287727.918222703</v>
      </c>
      <c r="I17" s="48">
        <v>8287727.918222703</v>
      </c>
      <c r="J17" s="48">
        <v>8287727.918222703</v>
      </c>
      <c r="K17" s="48">
        <v>8287727.918222703</v>
      </c>
      <c r="L17" s="48">
        <v>8287727.918222703</v>
      </c>
      <c r="M17" s="48">
        <v>8287727.918222703</v>
      </c>
      <c r="N17" s="48">
        <v>8287727.918222703</v>
      </c>
      <c r="O17" s="48">
        <v>8287727.918222703</v>
      </c>
      <c r="P17" s="48">
        <v>8287727.918222703</v>
      </c>
      <c r="Q17" s="48">
        <v>8287727.918222703</v>
      </c>
      <c r="R17" s="48">
        <v>8287727.918222703</v>
      </c>
      <c r="S17" s="48">
        <v>8287727.918222703</v>
      </c>
      <c r="T17" s="48">
        <v>8287727.918222703</v>
      </c>
      <c r="U17" s="48">
        <v>8287727.918222703</v>
      </c>
      <c r="V17" s="48">
        <v>8287727.918222703</v>
      </c>
    </row>
    <row r="18" spans="1:22">
      <c r="A18" s="51" t="s">
        <v>65</v>
      </c>
      <c r="B18" s="51"/>
      <c r="C18" s="52">
        <v>165754.55836445407</v>
      </c>
      <c r="D18" s="52">
        <v>165754.55836445407</v>
      </c>
      <c r="E18" s="52">
        <v>165754.55836445407</v>
      </c>
      <c r="F18" s="52">
        <v>165754.55836445407</v>
      </c>
      <c r="G18" s="52">
        <v>165754.55836445407</v>
      </c>
      <c r="H18" s="52">
        <v>165754.55836445407</v>
      </c>
      <c r="I18" s="52">
        <v>165754.55836445407</v>
      </c>
      <c r="J18" s="52">
        <v>165754.55836445407</v>
      </c>
      <c r="K18" s="52">
        <v>165754.55836445407</v>
      </c>
      <c r="L18" s="52">
        <v>165754.55836445407</v>
      </c>
      <c r="M18" s="52">
        <v>165754.55836445407</v>
      </c>
      <c r="N18" s="52">
        <v>165754.55836445407</v>
      </c>
      <c r="O18" s="52">
        <v>165754.55836445407</v>
      </c>
      <c r="P18" s="52">
        <v>165754.55836445407</v>
      </c>
      <c r="Q18" s="52">
        <v>165754.55836445407</v>
      </c>
      <c r="R18" s="52">
        <v>165754.55836445407</v>
      </c>
      <c r="S18" s="52">
        <v>165754.55836445407</v>
      </c>
      <c r="T18" s="52">
        <v>165754.55836445407</v>
      </c>
      <c r="U18" s="52">
        <v>165754.55836445407</v>
      </c>
      <c r="V18" s="52">
        <v>165754.55836445407</v>
      </c>
    </row>
    <row r="19" spans="1:22">
      <c r="A19" s="45" t="s">
        <v>66</v>
      </c>
      <c r="B19" s="45"/>
      <c r="C19" s="53">
        <v>8121973.3598582493</v>
      </c>
      <c r="D19" s="53">
        <v>8121973.3598582493</v>
      </c>
      <c r="E19" s="53">
        <v>8121973.3598582493</v>
      </c>
      <c r="F19" s="53">
        <v>8121973.3598582493</v>
      </c>
      <c r="G19" s="53">
        <v>8121973.3598582493</v>
      </c>
      <c r="H19" s="53">
        <v>8121973.3598582493</v>
      </c>
      <c r="I19" s="53">
        <v>8121973.3598582493</v>
      </c>
      <c r="J19" s="53">
        <v>8121973.3598582493</v>
      </c>
      <c r="K19" s="53">
        <v>8121973.3598582493</v>
      </c>
      <c r="L19" s="53">
        <v>8121973.3598582493</v>
      </c>
      <c r="M19" s="53">
        <v>8121973.3598582493</v>
      </c>
      <c r="N19" s="53">
        <v>8121973.3598582493</v>
      </c>
      <c r="O19" s="53">
        <v>8121973.3598582493</v>
      </c>
      <c r="P19" s="53">
        <v>8121973.3598582493</v>
      </c>
      <c r="Q19" s="53">
        <v>8121973.3598582493</v>
      </c>
      <c r="R19" s="53">
        <v>8121973.3598582493</v>
      </c>
      <c r="S19" s="53">
        <v>8121973.3598582493</v>
      </c>
      <c r="T19" s="53">
        <v>8121973.3598582493</v>
      </c>
      <c r="U19" s="53">
        <v>8121973.3598582493</v>
      </c>
      <c r="V19" s="53">
        <v>8121973.3598582493</v>
      </c>
    </row>
    <row r="20" spans="1:22">
      <c r="A20" s="45"/>
      <c r="B20" s="45"/>
      <c r="C20" s="45"/>
      <c r="D20" s="45"/>
      <c r="E20" s="45"/>
      <c r="F20" s="45"/>
      <c r="G20" s="45"/>
      <c r="H20" s="45"/>
      <c r="I20" s="45"/>
      <c r="J20" s="45"/>
      <c r="K20" s="45"/>
      <c r="L20" s="45"/>
      <c r="M20" s="45"/>
      <c r="N20" s="45"/>
      <c r="O20" s="45"/>
      <c r="P20" s="45"/>
      <c r="Q20" s="45"/>
      <c r="R20" s="45"/>
      <c r="S20" s="45"/>
      <c r="T20" s="45"/>
      <c r="U20" s="45"/>
      <c r="V20" s="45"/>
    </row>
    <row r="21" spans="1:22">
      <c r="A21" s="51" t="s">
        <v>67</v>
      </c>
      <c r="B21" s="51"/>
      <c r="C21" s="52">
        <v>6279714.9887991641</v>
      </c>
      <c r="D21" s="52">
        <v>6279714.9887991641</v>
      </c>
      <c r="E21" s="52">
        <v>6279714.9887991641</v>
      </c>
      <c r="F21" s="52">
        <v>6287117.7887991639</v>
      </c>
      <c r="G21" s="52">
        <v>6287117.7887991639</v>
      </c>
      <c r="H21" s="52">
        <v>6287117.7887991639</v>
      </c>
      <c r="I21" s="52">
        <v>6287117.7887991639</v>
      </c>
      <c r="J21" s="52">
        <v>6287117.7887991639</v>
      </c>
      <c r="K21" s="52">
        <v>6287117.7887991639</v>
      </c>
      <c r="L21" s="52">
        <v>6287117.7887991639</v>
      </c>
      <c r="M21" s="54">
        <v>6279714.9887991641</v>
      </c>
      <c r="N21" s="54">
        <v>6279714.9887991641</v>
      </c>
      <c r="O21" s="54">
        <v>6279714.9887991641</v>
      </c>
      <c r="P21" s="54">
        <v>6287117.7887991639</v>
      </c>
      <c r="Q21" s="54">
        <v>6287117.7887991639</v>
      </c>
      <c r="R21" s="54">
        <v>6287117.7887991639</v>
      </c>
      <c r="S21" s="54">
        <v>6287117.7887991639</v>
      </c>
      <c r="T21" s="54">
        <v>6287117.7887991639</v>
      </c>
      <c r="U21" s="54">
        <v>6287117.7887991639</v>
      </c>
      <c r="V21" s="54">
        <v>6287117.7887991639</v>
      </c>
    </row>
    <row r="22" spans="1:22">
      <c r="A22" s="45"/>
      <c r="B22" s="45"/>
      <c r="C22" s="45"/>
      <c r="D22" s="45"/>
      <c r="E22" s="45"/>
      <c r="F22" s="45"/>
      <c r="G22" s="45"/>
      <c r="H22" s="45"/>
      <c r="I22" s="45"/>
      <c r="J22" s="45"/>
      <c r="K22" s="45"/>
      <c r="L22" s="45"/>
      <c r="M22" s="45"/>
      <c r="N22" s="45"/>
      <c r="O22" s="45"/>
      <c r="P22" s="45"/>
      <c r="Q22" s="45"/>
      <c r="R22" s="45"/>
      <c r="S22" s="45"/>
      <c r="T22" s="45"/>
      <c r="U22" s="45"/>
      <c r="V22" s="45"/>
    </row>
    <row r="23" spans="1:22">
      <c r="A23" s="45" t="s">
        <v>68</v>
      </c>
      <c r="B23" s="45"/>
      <c r="C23" s="48">
        <v>727768.4154473833</v>
      </c>
      <c r="D23" s="48">
        <v>979109.87874738337</v>
      </c>
      <c r="E23" s="48">
        <v>1227026.6586673835</v>
      </c>
      <c r="F23" s="48">
        <v>1448061.3246673835</v>
      </c>
      <c r="G23" s="48">
        <v>1664614.8706673835</v>
      </c>
      <c r="H23" s="48">
        <v>1153511.3035533333</v>
      </c>
      <c r="I23" s="48">
        <v>1118723.3862533332</v>
      </c>
      <c r="J23" s="48">
        <v>1087360.1523333334</v>
      </c>
      <c r="K23" s="48">
        <v>1082879.0323333333</v>
      </c>
      <c r="L23" s="48">
        <v>1104879.0323333333</v>
      </c>
      <c r="M23" s="48">
        <v>1120967.2011133332</v>
      </c>
      <c r="N23" s="48">
        <v>1155755.1184133333</v>
      </c>
      <c r="O23" s="48">
        <v>1187118.3523333333</v>
      </c>
      <c r="P23" s="48">
        <v>1191599.4723333332</v>
      </c>
      <c r="Q23" s="48">
        <v>1169599.4723333332</v>
      </c>
      <c r="R23" s="48">
        <v>1153511.3035533333</v>
      </c>
      <c r="S23" s="48">
        <v>1118723.3862533332</v>
      </c>
      <c r="T23" s="48">
        <v>1087360.1523333334</v>
      </c>
      <c r="U23" s="48">
        <v>1082879.0323333333</v>
      </c>
      <c r="V23" s="48">
        <v>1082879.0323333333</v>
      </c>
    </row>
    <row r="24" spans="1:22">
      <c r="A24" s="45"/>
      <c r="B24" s="45"/>
      <c r="C24" s="45"/>
      <c r="D24" s="45"/>
      <c r="E24" s="45"/>
      <c r="F24" s="45"/>
      <c r="G24" s="45"/>
      <c r="H24" s="45"/>
      <c r="I24" s="45"/>
      <c r="J24" s="45"/>
      <c r="K24" s="45"/>
      <c r="L24" s="45"/>
      <c r="M24" s="45"/>
      <c r="N24" s="45"/>
      <c r="O24" s="45"/>
      <c r="P24" s="45"/>
      <c r="Q24" s="45"/>
      <c r="R24" s="45"/>
      <c r="S24" s="45"/>
      <c r="T24" s="45"/>
      <c r="U24" s="45"/>
      <c r="V24" s="45"/>
    </row>
    <row r="25" spans="1:22">
      <c r="A25" s="51" t="s">
        <v>69</v>
      </c>
      <c r="B25" s="51"/>
      <c r="C25" s="54">
        <v>1114489.9556117021</v>
      </c>
      <c r="D25" s="54">
        <v>863148.49231170188</v>
      </c>
      <c r="E25" s="54">
        <v>615231.71239170176</v>
      </c>
      <c r="F25" s="54">
        <v>386794.24639170198</v>
      </c>
      <c r="G25" s="54">
        <v>170240.70039170189</v>
      </c>
      <c r="H25" s="54">
        <v>681344.26750575216</v>
      </c>
      <c r="I25" s="54">
        <v>716132.18480575224</v>
      </c>
      <c r="J25" s="54">
        <v>747495.41872575204</v>
      </c>
      <c r="K25" s="54">
        <v>751976.53872575215</v>
      </c>
      <c r="L25" s="54">
        <v>729976.53872575215</v>
      </c>
      <c r="M25" s="54">
        <v>721291.16994575202</v>
      </c>
      <c r="N25" s="54">
        <v>686503.25264575193</v>
      </c>
      <c r="O25" s="54">
        <v>655140.0187257519</v>
      </c>
      <c r="P25" s="54">
        <v>643256.09872575221</v>
      </c>
      <c r="Q25" s="54">
        <v>665256.09872575221</v>
      </c>
      <c r="R25" s="54">
        <v>681344.26750575216</v>
      </c>
      <c r="S25" s="54">
        <v>716132.18480575224</v>
      </c>
      <c r="T25" s="54">
        <v>747495.41872575204</v>
      </c>
      <c r="U25" s="54">
        <v>751976.53872575215</v>
      </c>
      <c r="V25" s="54">
        <v>751976.53872575215</v>
      </c>
    </row>
    <row r="26" spans="1:22">
      <c r="A26" s="45"/>
      <c r="B26" s="45"/>
      <c r="C26" s="45"/>
      <c r="D26" s="45"/>
      <c r="E26" s="45"/>
      <c r="F26" s="45"/>
      <c r="G26" s="45"/>
      <c r="H26" s="45"/>
      <c r="I26" s="45"/>
      <c r="J26" s="45"/>
      <c r="K26" s="45"/>
      <c r="L26" s="45"/>
      <c r="M26" s="45"/>
      <c r="N26" s="45"/>
      <c r="O26" s="45"/>
      <c r="P26" s="45"/>
      <c r="Q26" s="45"/>
      <c r="R26" s="45"/>
      <c r="S26" s="45"/>
      <c r="T26" s="45"/>
      <c r="U26" s="45"/>
      <c r="V26" s="45"/>
    </row>
    <row r="27" spans="1:22">
      <c r="A27" s="45" t="s">
        <v>70</v>
      </c>
      <c r="B27" s="45"/>
      <c r="C27" s="48">
        <v>378926.58490797871</v>
      </c>
      <c r="D27" s="48">
        <v>293470.48738597863</v>
      </c>
      <c r="E27" s="48">
        <v>209178.78221317861</v>
      </c>
      <c r="F27" s="48">
        <v>131510.04377317868</v>
      </c>
      <c r="G27" s="48">
        <v>57881.838133178644</v>
      </c>
      <c r="H27" s="48">
        <v>231657.05095195575</v>
      </c>
      <c r="I27" s="48">
        <v>243484.94283395578</v>
      </c>
      <c r="J27" s="48">
        <v>254148.44236675571</v>
      </c>
      <c r="K27" s="48">
        <v>255672.02316675574</v>
      </c>
      <c r="L27" s="48">
        <v>248192.02316675574</v>
      </c>
      <c r="M27" s="48">
        <v>245238.99778155569</v>
      </c>
      <c r="N27" s="48">
        <v>233411.10589955567</v>
      </c>
      <c r="O27" s="48">
        <v>222747.60636675567</v>
      </c>
      <c r="P27" s="48">
        <v>218707.07356675577</v>
      </c>
      <c r="Q27" s="48">
        <v>226187.07356675577</v>
      </c>
      <c r="R27" s="48">
        <v>231657.05095195575</v>
      </c>
      <c r="S27" s="48">
        <v>243484.94283395578</v>
      </c>
      <c r="T27" s="48">
        <v>254148.44236675571</v>
      </c>
      <c r="U27" s="48">
        <v>255672.02316675574</v>
      </c>
      <c r="V27" s="48">
        <v>255672.02316675574</v>
      </c>
    </row>
    <row r="28" spans="1:22">
      <c r="A28" s="45"/>
      <c r="B28" s="45"/>
      <c r="C28" s="45"/>
      <c r="D28" s="45"/>
      <c r="E28" s="45"/>
      <c r="F28" s="45"/>
      <c r="G28" s="45"/>
      <c r="H28" s="45"/>
      <c r="I28" s="45"/>
      <c r="J28" s="45"/>
      <c r="K28" s="45"/>
      <c r="L28" s="45"/>
      <c r="M28" s="45"/>
      <c r="N28" s="45"/>
      <c r="O28" s="45"/>
      <c r="P28" s="45"/>
      <c r="Q28" s="45"/>
      <c r="R28" s="45"/>
      <c r="S28" s="45"/>
      <c r="T28" s="45"/>
      <c r="U28" s="45"/>
      <c r="V28" s="45"/>
    </row>
    <row r="29" spans="1:22">
      <c r="A29" s="51" t="s">
        <v>71</v>
      </c>
      <c r="B29" s="51"/>
      <c r="C29" s="54">
        <v>735563.37070372328</v>
      </c>
      <c r="D29" s="54">
        <v>569678.00492572319</v>
      </c>
      <c r="E29" s="54">
        <v>406052.93017852318</v>
      </c>
      <c r="F29" s="54">
        <v>255284.2026185233</v>
      </c>
      <c r="G29" s="54">
        <v>112358.86225852324</v>
      </c>
      <c r="H29" s="54">
        <v>449687.21655379643</v>
      </c>
      <c r="I29" s="54">
        <v>472647.24197179649</v>
      </c>
      <c r="J29" s="54">
        <v>493346.97635899635</v>
      </c>
      <c r="K29" s="54">
        <v>496304.51555899641</v>
      </c>
      <c r="L29" s="54">
        <v>481784.51555899641</v>
      </c>
      <c r="M29" s="54">
        <v>476052.17216419632</v>
      </c>
      <c r="N29" s="54">
        <v>453092.14674619626</v>
      </c>
      <c r="O29" s="54">
        <v>432392.41235899623</v>
      </c>
      <c r="P29" s="54">
        <v>424549.02515899646</v>
      </c>
      <c r="Q29" s="54">
        <v>439069.02515899646</v>
      </c>
      <c r="R29" s="54">
        <v>449687.21655379643</v>
      </c>
      <c r="S29" s="54">
        <v>472647.24197179649</v>
      </c>
      <c r="T29" s="54">
        <v>493346.97635899635</v>
      </c>
      <c r="U29" s="54">
        <v>496304.51555899641</v>
      </c>
      <c r="V29" s="54">
        <v>496304.51555899641</v>
      </c>
    </row>
    <row r="30" spans="1:22">
      <c r="A30" s="45"/>
      <c r="B30" s="45"/>
      <c r="C30" s="45"/>
      <c r="D30" s="45"/>
      <c r="E30" s="45"/>
      <c r="F30" s="45"/>
      <c r="G30" s="45"/>
      <c r="H30" s="45"/>
      <c r="I30" s="45"/>
      <c r="J30" s="45"/>
      <c r="K30" s="45"/>
      <c r="L30" s="45"/>
      <c r="M30" s="45"/>
      <c r="N30" s="45"/>
      <c r="O30" s="45"/>
      <c r="P30" s="45"/>
      <c r="Q30" s="45"/>
      <c r="R30" s="45"/>
      <c r="S30" s="45"/>
      <c r="T30" s="45"/>
      <c r="U30" s="45"/>
      <c r="V30" s="45"/>
    </row>
    <row r="31" spans="1:22">
      <c r="A31" s="45" t="s">
        <v>72</v>
      </c>
      <c r="B31" s="45"/>
      <c r="C31" s="48">
        <v>727768.4154473833</v>
      </c>
      <c r="D31" s="48">
        <v>979109.87874738337</v>
      </c>
      <c r="E31" s="48">
        <v>1227026.6586673835</v>
      </c>
      <c r="F31" s="48">
        <v>1448061.3246673835</v>
      </c>
      <c r="G31" s="48">
        <v>1664614.8706673835</v>
      </c>
      <c r="H31" s="48">
        <v>1153511.3035533333</v>
      </c>
      <c r="I31" s="48">
        <v>1118723.3862533332</v>
      </c>
      <c r="J31" s="48">
        <v>1087360.1523333334</v>
      </c>
      <c r="K31" s="48">
        <v>1082879.0323333333</v>
      </c>
      <c r="L31" s="48">
        <v>1104879.0323333333</v>
      </c>
      <c r="M31" s="48">
        <v>1120967.2011133332</v>
      </c>
      <c r="N31" s="48">
        <v>1155755.1184133333</v>
      </c>
      <c r="O31" s="48">
        <v>1187118.3523333333</v>
      </c>
      <c r="P31" s="48">
        <v>1191599.4723333332</v>
      </c>
      <c r="Q31" s="48">
        <v>1169599.4723333332</v>
      </c>
      <c r="R31" s="48">
        <v>1153511.3035533333</v>
      </c>
      <c r="S31" s="48">
        <v>1118723.3862533332</v>
      </c>
      <c r="T31" s="48">
        <v>1087360.1523333334</v>
      </c>
      <c r="U31" s="48">
        <v>1082879.0323333333</v>
      </c>
      <c r="V31" s="48">
        <v>1082879.0323333333</v>
      </c>
    </row>
    <row r="32" spans="1:22">
      <c r="A32" s="45"/>
      <c r="B32" s="45"/>
      <c r="C32" s="45"/>
      <c r="D32" s="45"/>
      <c r="E32" s="45"/>
      <c r="F32" s="45"/>
      <c r="G32" s="45"/>
      <c r="H32" s="45"/>
      <c r="I32" s="45"/>
      <c r="J32" s="45"/>
      <c r="K32" s="45"/>
      <c r="L32" s="45"/>
      <c r="M32" s="45"/>
      <c r="N32" s="45"/>
      <c r="O32" s="45"/>
      <c r="P32" s="45"/>
      <c r="Q32" s="45"/>
      <c r="R32" s="45"/>
      <c r="S32" s="45"/>
      <c r="T32" s="45"/>
      <c r="U32" s="45"/>
      <c r="V32" s="45"/>
    </row>
    <row r="33" spans="1:22">
      <c r="A33" s="51" t="s">
        <v>73</v>
      </c>
      <c r="B33" s="51"/>
      <c r="C33" s="54">
        <v>1463331.7861511065</v>
      </c>
      <c r="D33" s="54">
        <v>1548787.8836731066</v>
      </c>
      <c r="E33" s="54">
        <v>1633079.5888459068</v>
      </c>
      <c r="F33" s="54">
        <v>1703345.5272859067</v>
      </c>
      <c r="G33" s="54">
        <v>1776973.7329259068</v>
      </c>
      <c r="H33" s="54">
        <v>1603198.5201071296</v>
      </c>
      <c r="I33" s="54">
        <v>1591370.6282251296</v>
      </c>
      <c r="J33" s="54">
        <v>1580707.1286923299</v>
      </c>
      <c r="K33" s="54">
        <v>1579183.5478923297</v>
      </c>
      <c r="L33" s="54">
        <v>1586663.5478923297</v>
      </c>
      <c r="M33" s="54">
        <v>1597019.3732775296</v>
      </c>
      <c r="N33" s="54">
        <v>1608847.2651595296</v>
      </c>
      <c r="O33" s="54">
        <v>1619510.7646923296</v>
      </c>
      <c r="P33" s="54">
        <v>1616148.4974923297</v>
      </c>
      <c r="Q33" s="54">
        <v>1608668.4974923297</v>
      </c>
      <c r="R33" s="54">
        <v>1603198.5201071296</v>
      </c>
      <c r="S33" s="54">
        <v>1591370.6282251296</v>
      </c>
      <c r="T33" s="54">
        <v>1580707.1286923299</v>
      </c>
      <c r="U33" s="54">
        <v>1579183.5478923297</v>
      </c>
      <c r="V33" s="54">
        <v>1579183.5478923297</v>
      </c>
    </row>
    <row r="34" spans="1:22">
      <c r="A34" s="45"/>
      <c r="B34" s="45"/>
      <c r="C34" s="45"/>
      <c r="D34" s="45"/>
      <c r="E34" s="45"/>
      <c r="F34" s="45"/>
      <c r="G34" s="45"/>
      <c r="H34" s="45"/>
      <c r="I34" s="45"/>
      <c r="J34" s="45"/>
      <c r="K34" s="45"/>
      <c r="L34" s="45"/>
      <c r="M34" s="45"/>
      <c r="N34" s="45"/>
      <c r="O34" s="45"/>
      <c r="P34" s="45"/>
      <c r="Q34" s="45"/>
      <c r="R34" s="45"/>
      <c r="S34" s="45"/>
      <c r="T34" s="45"/>
      <c r="U34" s="45"/>
      <c r="V34" s="45"/>
    </row>
    <row r="35" spans="1:22">
      <c r="A35" s="45" t="s">
        <v>74</v>
      </c>
      <c r="B35" s="53">
        <v>4812586.5552242491</v>
      </c>
      <c r="C35" s="53">
        <v>1163208.5739</v>
      </c>
      <c r="D35" s="53">
        <v>1256707.3165</v>
      </c>
      <c r="E35" s="53">
        <v>1239583.8995999999</v>
      </c>
      <c r="F35" s="53">
        <v>1105173.33</v>
      </c>
      <c r="G35" s="53">
        <v>1082767.73</v>
      </c>
      <c r="H35" s="53">
        <v>1082767.73</v>
      </c>
      <c r="I35" s="53">
        <v>1082767.73</v>
      </c>
      <c r="J35" s="53">
        <v>1082767.73</v>
      </c>
      <c r="K35" s="53">
        <v>1082767.73</v>
      </c>
      <c r="L35" s="53">
        <v>1192767.73</v>
      </c>
      <c r="M35" s="53">
        <v>1163208.5739</v>
      </c>
      <c r="N35" s="53">
        <v>1256707.3165</v>
      </c>
      <c r="O35" s="53">
        <v>1239583.8995999999</v>
      </c>
      <c r="P35" s="53">
        <v>1105173.33</v>
      </c>
      <c r="Q35" s="53">
        <v>1082767.73</v>
      </c>
      <c r="R35" s="53">
        <v>1082767.73</v>
      </c>
      <c r="S35" s="53">
        <v>1082767.73</v>
      </c>
      <c r="T35" s="53">
        <v>1082767.73</v>
      </c>
      <c r="U35" s="53">
        <v>1082767.73</v>
      </c>
      <c r="V35" s="53">
        <v>996744.23700275109</v>
      </c>
    </row>
    <row r="36" spans="1:22">
      <c r="A36" s="55" t="s">
        <v>75</v>
      </c>
      <c r="B36" s="54">
        <v>4655792.9622270009</v>
      </c>
      <c r="C36" s="54">
        <v>1082767.73</v>
      </c>
      <c r="D36" s="54">
        <v>1082767.73</v>
      </c>
      <c r="E36" s="54">
        <v>1082767.73</v>
      </c>
      <c r="F36" s="54">
        <v>1082767.73</v>
      </c>
      <c r="G36" s="54">
        <v>1082767.73</v>
      </c>
      <c r="H36" s="54">
        <v>1082767.73</v>
      </c>
      <c r="I36" s="54">
        <v>1082767.73</v>
      </c>
      <c r="J36" s="54">
        <v>1082767.73</v>
      </c>
      <c r="K36" s="54">
        <v>1082767.73</v>
      </c>
      <c r="L36" s="54">
        <v>1082767.73</v>
      </c>
      <c r="M36" s="54">
        <v>1082767.73</v>
      </c>
      <c r="N36" s="54">
        <v>1082767.73</v>
      </c>
      <c r="O36" s="54">
        <v>1082767.73</v>
      </c>
      <c r="P36" s="54">
        <v>1082767.73</v>
      </c>
      <c r="Q36" s="54">
        <v>1082767.73</v>
      </c>
      <c r="R36" s="54">
        <v>1082767.73</v>
      </c>
      <c r="S36" s="54">
        <v>1082767.73</v>
      </c>
      <c r="T36" s="54">
        <v>1082767.73</v>
      </c>
      <c r="U36" s="54">
        <v>1082767.73</v>
      </c>
      <c r="V36" s="54">
        <v>1082767.73</v>
      </c>
    </row>
    <row r="37" spans="1:22">
      <c r="A37" s="56" t="s">
        <v>76</v>
      </c>
      <c r="B37" s="48">
        <v>66000</v>
      </c>
      <c r="C37" s="48">
        <v>80440.843899999993</v>
      </c>
      <c r="D37" s="48">
        <v>173939.5865</v>
      </c>
      <c r="E37" s="48">
        <v>156816.16959999999</v>
      </c>
      <c r="F37" s="48">
        <v>22405.599999999999</v>
      </c>
      <c r="G37" s="48">
        <v>0</v>
      </c>
      <c r="H37" s="48">
        <v>0</v>
      </c>
      <c r="I37" s="48">
        <v>0</v>
      </c>
      <c r="J37" s="48">
        <v>0</v>
      </c>
      <c r="K37" s="48">
        <v>0</v>
      </c>
      <c r="L37" s="48">
        <v>110000</v>
      </c>
      <c r="M37" s="48">
        <v>80440.843899999993</v>
      </c>
      <c r="N37" s="48">
        <v>173939.5865</v>
      </c>
      <c r="O37" s="48">
        <v>156816.16959999999</v>
      </c>
      <c r="P37" s="48">
        <v>22405.599999999999</v>
      </c>
      <c r="Q37" s="48">
        <v>0</v>
      </c>
      <c r="R37" s="48">
        <v>0</v>
      </c>
      <c r="S37" s="48">
        <v>0</v>
      </c>
      <c r="T37" s="48">
        <v>0</v>
      </c>
      <c r="U37" s="48">
        <v>0</v>
      </c>
      <c r="V37" s="48">
        <v>0</v>
      </c>
    </row>
    <row r="38" spans="1:22">
      <c r="A38" s="55" t="s">
        <v>77</v>
      </c>
      <c r="B38" s="57">
        <v>4770.1000000000004</v>
      </c>
      <c r="C38" s="51">
        <v>0</v>
      </c>
      <c r="D38" s="51">
        <v>0</v>
      </c>
      <c r="E38" s="51">
        <v>0</v>
      </c>
      <c r="F38" s="51">
        <v>0</v>
      </c>
      <c r="G38" s="51">
        <v>0</v>
      </c>
      <c r="H38" s="51">
        <v>0</v>
      </c>
      <c r="I38" s="51">
        <v>0</v>
      </c>
      <c r="J38" s="51">
        <v>0</v>
      </c>
      <c r="K38" s="51">
        <v>0</v>
      </c>
      <c r="L38" s="51">
        <v>0</v>
      </c>
      <c r="M38" s="51"/>
      <c r="N38" s="51"/>
      <c r="O38" s="51"/>
      <c r="P38" s="51"/>
      <c r="Q38" s="51"/>
      <c r="R38" s="51"/>
      <c r="S38" s="51"/>
      <c r="T38" s="51"/>
      <c r="U38" s="51"/>
      <c r="V38" s="51"/>
    </row>
    <row r="39" spans="1:22">
      <c r="A39" s="56" t="s">
        <v>78</v>
      </c>
      <c r="B39" s="48">
        <v>86023.492997248832</v>
      </c>
      <c r="C39" s="45">
        <v>0</v>
      </c>
      <c r="D39" s="45">
        <v>0</v>
      </c>
      <c r="E39" s="45">
        <v>0</v>
      </c>
      <c r="F39" s="45">
        <v>0</v>
      </c>
      <c r="G39" s="45">
        <v>0</v>
      </c>
      <c r="H39" s="45">
        <v>0</v>
      </c>
      <c r="I39" s="45">
        <v>0</v>
      </c>
      <c r="J39" s="45">
        <v>0</v>
      </c>
      <c r="K39" s="45">
        <v>0</v>
      </c>
      <c r="L39" s="53">
        <v>0</v>
      </c>
      <c r="M39" s="53">
        <v>0</v>
      </c>
      <c r="N39" s="53">
        <v>0</v>
      </c>
      <c r="O39" s="53">
        <v>0</v>
      </c>
      <c r="P39" s="53">
        <v>0</v>
      </c>
      <c r="Q39" s="53">
        <v>0</v>
      </c>
      <c r="R39" s="53">
        <v>0</v>
      </c>
      <c r="S39" s="53">
        <v>0</v>
      </c>
      <c r="T39" s="53">
        <v>0</v>
      </c>
      <c r="U39" s="53">
        <v>0</v>
      </c>
      <c r="V39" s="53">
        <v>-86023.492997248832</v>
      </c>
    </row>
    <row r="40" spans="1:22">
      <c r="A40" s="45"/>
      <c r="B40" s="45"/>
      <c r="C40" s="45"/>
      <c r="D40" s="45"/>
      <c r="E40" s="45"/>
      <c r="F40" s="45"/>
      <c r="G40" s="45"/>
      <c r="H40" s="45"/>
      <c r="I40" s="45"/>
      <c r="J40" s="45"/>
      <c r="K40" s="45"/>
      <c r="L40" s="45"/>
      <c r="M40" s="45"/>
      <c r="N40" s="45"/>
      <c r="O40" s="45"/>
      <c r="P40" s="45"/>
      <c r="Q40" s="45"/>
      <c r="R40" s="45"/>
      <c r="S40" s="45"/>
      <c r="T40" s="45"/>
      <c r="U40" s="45"/>
      <c r="V40" s="45"/>
    </row>
    <row r="41" spans="1:22">
      <c r="A41" s="51" t="s">
        <v>79</v>
      </c>
      <c r="B41" s="52">
        <v>0</v>
      </c>
      <c r="C41" s="52">
        <v>46017.628525</v>
      </c>
      <c r="D41" s="52">
        <v>46017.628525</v>
      </c>
      <c r="E41" s="52">
        <v>46017.628525</v>
      </c>
      <c r="F41" s="52">
        <v>46017.628525</v>
      </c>
      <c r="G41" s="52">
        <v>46017.628525</v>
      </c>
      <c r="H41" s="52">
        <v>46017.628525</v>
      </c>
      <c r="I41" s="52">
        <v>46017.628525</v>
      </c>
      <c r="J41" s="52">
        <v>46017.628525</v>
      </c>
      <c r="K41" s="52">
        <v>46017.628525</v>
      </c>
      <c r="L41" s="52">
        <v>46017.628525</v>
      </c>
      <c r="M41" s="52">
        <v>46017.628525</v>
      </c>
      <c r="N41" s="52">
        <v>46017.628525</v>
      </c>
      <c r="O41" s="52">
        <v>46017.628525</v>
      </c>
      <c r="P41" s="52">
        <v>46017.628525</v>
      </c>
      <c r="Q41" s="52">
        <v>46017.628525</v>
      </c>
      <c r="R41" s="52">
        <v>46017.628525</v>
      </c>
      <c r="S41" s="52">
        <v>46017.628525</v>
      </c>
      <c r="T41" s="52">
        <v>46017.628525</v>
      </c>
      <c r="U41" s="52">
        <v>46017.628525</v>
      </c>
      <c r="V41" s="52">
        <v>3131650.7577762832</v>
      </c>
    </row>
    <row r="42" spans="1:22">
      <c r="A42" s="45" t="s">
        <v>80</v>
      </c>
      <c r="B42" s="45"/>
      <c r="C42" s="53">
        <v>46017.628525</v>
      </c>
      <c r="D42" s="53">
        <v>46017.628525</v>
      </c>
      <c r="E42" s="53">
        <v>46017.628525</v>
      </c>
      <c r="F42" s="53">
        <v>46017.628525</v>
      </c>
      <c r="G42" s="53">
        <v>46017.628525</v>
      </c>
      <c r="H42" s="53">
        <v>46017.628525</v>
      </c>
      <c r="I42" s="53">
        <v>46017.628525</v>
      </c>
      <c r="J42" s="53">
        <v>46017.628525</v>
      </c>
      <c r="K42" s="53">
        <v>46017.628525</v>
      </c>
      <c r="L42" s="53">
        <v>46017.628525</v>
      </c>
      <c r="M42" s="53">
        <v>46017.628525</v>
      </c>
      <c r="N42" s="53">
        <v>46017.628525</v>
      </c>
      <c r="O42" s="53">
        <v>46017.628525</v>
      </c>
      <c r="P42" s="53">
        <v>46017.628525</v>
      </c>
      <c r="Q42" s="53">
        <v>46017.628525</v>
      </c>
      <c r="R42" s="53">
        <v>46017.628525</v>
      </c>
      <c r="S42" s="53">
        <v>46017.628525</v>
      </c>
      <c r="T42" s="53">
        <v>46017.628525</v>
      </c>
      <c r="U42" s="53">
        <v>46017.628525</v>
      </c>
      <c r="V42" s="53">
        <v>3129106.70444295</v>
      </c>
    </row>
    <row r="43" spans="1:22">
      <c r="A43" s="51" t="s">
        <v>81</v>
      </c>
      <c r="B43" s="51"/>
      <c r="C43" s="51">
        <v>0</v>
      </c>
      <c r="D43" s="51">
        <v>0</v>
      </c>
      <c r="E43" s="51">
        <v>0</v>
      </c>
      <c r="F43" s="51">
        <v>0</v>
      </c>
      <c r="G43" s="51">
        <v>0</v>
      </c>
      <c r="H43" s="51">
        <v>0</v>
      </c>
      <c r="I43" s="51">
        <v>0</v>
      </c>
      <c r="J43" s="51">
        <v>0</v>
      </c>
      <c r="K43" s="51">
        <v>0</v>
      </c>
      <c r="L43" s="51">
        <v>0</v>
      </c>
      <c r="M43" s="51">
        <v>0</v>
      </c>
      <c r="N43" s="51">
        <v>0</v>
      </c>
      <c r="O43" s="51">
        <v>0</v>
      </c>
      <c r="P43" s="51">
        <v>0</v>
      </c>
      <c r="Q43" s="51">
        <v>0</v>
      </c>
      <c r="R43" s="51">
        <v>0</v>
      </c>
      <c r="S43" s="51">
        <v>0</v>
      </c>
      <c r="T43" s="51">
        <v>0</v>
      </c>
      <c r="U43" s="51">
        <v>0</v>
      </c>
      <c r="V43" s="51">
        <v>2544.0533333333337</v>
      </c>
    </row>
    <row r="44" spans="1:22">
      <c r="A44" s="45"/>
      <c r="B44" s="45"/>
      <c r="C44" s="45"/>
      <c r="D44" s="45"/>
      <c r="E44" s="45"/>
      <c r="F44" s="45"/>
      <c r="G44" s="45"/>
      <c r="H44" s="45"/>
      <c r="I44" s="45"/>
      <c r="J44" s="45"/>
      <c r="K44" s="45"/>
      <c r="L44" s="45"/>
      <c r="M44" s="45"/>
      <c r="N44" s="45"/>
      <c r="O44" s="45"/>
      <c r="P44" s="45"/>
      <c r="Q44" s="45"/>
      <c r="R44" s="45"/>
      <c r="S44" s="45"/>
      <c r="T44" s="45"/>
      <c r="U44" s="45"/>
      <c r="V44" s="45"/>
    </row>
    <row r="45" spans="1:22">
      <c r="A45" s="59" t="s">
        <v>82</v>
      </c>
      <c r="B45" s="60">
        <v>-4812586.5552242491</v>
      </c>
      <c r="C45" s="60">
        <v>346140.84077610652</v>
      </c>
      <c r="D45" s="60">
        <v>338098.1956981066</v>
      </c>
      <c r="E45" s="60">
        <v>439513.3177709069</v>
      </c>
      <c r="F45" s="60">
        <v>644189.82581090659</v>
      </c>
      <c r="G45" s="60">
        <v>740223.63145090675</v>
      </c>
      <c r="H45" s="60">
        <v>566448.41863212956</v>
      </c>
      <c r="I45" s="60">
        <v>554620.52675012953</v>
      </c>
      <c r="J45" s="60">
        <v>543957.02721732983</v>
      </c>
      <c r="K45" s="60">
        <v>542433.44641732972</v>
      </c>
      <c r="L45" s="60">
        <v>439913.44641732977</v>
      </c>
      <c r="M45" s="60">
        <v>479828.42790252966</v>
      </c>
      <c r="N45" s="60">
        <v>398157.57718452968</v>
      </c>
      <c r="O45" s="60">
        <v>425944.49361732969</v>
      </c>
      <c r="P45" s="60">
        <v>556992.79601732956</v>
      </c>
      <c r="Q45" s="60">
        <v>571918.39601732965</v>
      </c>
      <c r="R45" s="60">
        <v>566448.41863212956</v>
      </c>
      <c r="S45" s="60">
        <v>554620.52675012953</v>
      </c>
      <c r="T45" s="60">
        <v>543957.02721732983</v>
      </c>
      <c r="U45" s="60">
        <v>542433.44641732972</v>
      </c>
      <c r="V45" s="60">
        <v>3714090.0686658621</v>
      </c>
    </row>
    <row r="46" spans="1:22">
      <c r="A46" s="45"/>
      <c r="B46" s="45"/>
      <c r="C46" s="53"/>
      <c r="D46" s="53"/>
      <c r="E46" s="53"/>
      <c r="F46" s="53"/>
      <c r="G46" s="53"/>
      <c r="H46" s="53"/>
      <c r="I46" s="53"/>
      <c r="J46" s="53"/>
      <c r="K46" s="53"/>
      <c r="L46" s="53"/>
      <c r="M46" s="53"/>
      <c r="N46" s="53"/>
      <c r="O46" s="53"/>
      <c r="P46" s="53"/>
      <c r="Q46" s="53"/>
      <c r="R46" s="53"/>
      <c r="S46" s="53"/>
      <c r="T46" s="53"/>
      <c r="U46" s="53"/>
      <c r="V46" s="53"/>
    </row>
    <row r="47" spans="1:22">
      <c r="A47" s="39"/>
      <c r="B47" s="45"/>
      <c r="C47" s="45"/>
      <c r="D47" s="45"/>
      <c r="E47" s="45"/>
      <c r="F47" s="45"/>
      <c r="G47" s="45"/>
      <c r="H47" s="45"/>
      <c r="I47" s="45"/>
      <c r="J47" s="45"/>
      <c r="K47" s="45"/>
      <c r="L47" s="45"/>
      <c r="M47" s="45"/>
      <c r="N47" s="45"/>
      <c r="O47" s="45"/>
      <c r="P47" s="45"/>
      <c r="Q47" s="45"/>
      <c r="R47" s="45"/>
      <c r="S47" s="45"/>
      <c r="T47" s="45"/>
      <c r="U47" s="45"/>
      <c r="V47" s="45"/>
    </row>
    <row r="48" spans="1:22">
      <c r="A48" s="45"/>
      <c r="B48" s="45"/>
      <c r="C48" s="45"/>
      <c r="D48" s="45"/>
      <c r="E48" s="45"/>
      <c r="F48" s="45"/>
      <c r="G48" s="45"/>
      <c r="H48" s="45"/>
      <c r="I48" s="45"/>
      <c r="J48" s="45"/>
      <c r="K48" s="45"/>
      <c r="L48" s="45"/>
      <c r="M48" s="45"/>
      <c r="N48" s="45"/>
      <c r="O48" s="45"/>
      <c r="P48" s="45"/>
      <c r="Q48" s="45"/>
      <c r="R48" s="45"/>
      <c r="S48" s="45"/>
      <c r="T48" s="45"/>
      <c r="U48" s="45"/>
      <c r="V48" s="45"/>
    </row>
    <row r="49" spans="1:22" ht="12" thickBot="1"/>
    <row r="50" spans="1:22" ht="16.5" thickBot="1">
      <c r="A50" s="184" t="s">
        <v>57</v>
      </c>
      <c r="B50" s="185">
        <v>9.8500000000000004E-2</v>
      </c>
      <c r="C50" s="45"/>
      <c r="D50" s="45"/>
      <c r="E50" s="45"/>
      <c r="F50" s="45"/>
      <c r="G50" s="45"/>
      <c r="H50" s="45"/>
      <c r="I50" s="45"/>
      <c r="J50" s="45"/>
      <c r="K50" s="45"/>
      <c r="L50" s="45"/>
      <c r="M50" s="45"/>
      <c r="N50" s="45"/>
      <c r="O50" s="45"/>
      <c r="P50" s="45"/>
      <c r="Q50" s="45"/>
      <c r="R50" s="45"/>
      <c r="S50" s="45"/>
      <c r="T50" s="45"/>
      <c r="U50" s="45"/>
      <c r="V50" s="45"/>
    </row>
    <row r="51" spans="1:22">
      <c r="A51" s="45"/>
      <c r="B51" s="62"/>
      <c r="C51" s="45"/>
      <c r="D51" s="45"/>
      <c r="E51" s="45"/>
      <c r="F51" s="45"/>
      <c r="G51" s="45"/>
      <c r="H51" s="45"/>
      <c r="I51" s="45"/>
      <c r="J51" s="45"/>
      <c r="K51" s="45"/>
      <c r="L51" s="45"/>
      <c r="M51" s="63"/>
      <c r="N51" s="45"/>
      <c r="O51" s="45"/>
      <c r="P51" s="45"/>
      <c r="Q51" s="45"/>
      <c r="R51" s="45"/>
      <c r="S51" s="45"/>
      <c r="T51" s="45"/>
      <c r="U51" s="45"/>
      <c r="V51" s="45"/>
    </row>
    <row r="52" spans="1:22">
      <c r="A52" s="45"/>
      <c r="B52" s="62"/>
      <c r="C52" s="45"/>
      <c r="D52" s="45"/>
      <c r="E52" s="45"/>
      <c r="F52" s="45"/>
      <c r="G52" s="45"/>
      <c r="H52" s="45"/>
      <c r="I52" s="45"/>
      <c r="J52" s="45"/>
      <c r="K52" s="45"/>
      <c r="L52" s="45"/>
      <c r="M52" s="63"/>
      <c r="N52" s="45"/>
      <c r="O52" s="45"/>
      <c r="P52" s="45"/>
      <c r="Q52" s="45"/>
      <c r="R52" s="45"/>
      <c r="S52" s="45"/>
      <c r="T52" s="45"/>
      <c r="U52" s="45"/>
      <c r="V52" s="45"/>
    </row>
    <row r="53" spans="1:22">
      <c r="A53" s="45"/>
      <c r="B53" s="45"/>
      <c r="C53" s="45"/>
      <c r="D53" s="45"/>
      <c r="E53" s="45"/>
      <c r="F53" s="45"/>
      <c r="G53" s="45"/>
      <c r="H53" s="45"/>
      <c r="I53" s="45"/>
      <c r="J53" s="45"/>
      <c r="K53" s="45"/>
      <c r="L53" s="45"/>
      <c r="M53" s="45"/>
      <c r="N53" s="45"/>
      <c r="O53" s="45"/>
      <c r="P53" s="45"/>
      <c r="Q53" s="45"/>
      <c r="R53" s="45"/>
      <c r="S53" s="45"/>
      <c r="T53" s="45"/>
      <c r="U53" s="45"/>
      <c r="V53" s="45"/>
    </row>
    <row r="54" spans="1:22" ht="18">
      <c r="A54" s="183" t="s">
        <v>155</v>
      </c>
      <c r="B54" s="45"/>
      <c r="C54" s="45"/>
      <c r="D54" s="45"/>
      <c r="E54" s="45"/>
      <c r="F54" s="45"/>
      <c r="G54" s="45"/>
      <c r="H54" s="45"/>
      <c r="I54" s="45"/>
      <c r="J54" s="45"/>
      <c r="K54" s="45"/>
      <c r="L54" s="45"/>
      <c r="M54" s="45"/>
      <c r="N54" s="45"/>
      <c r="O54" s="45"/>
      <c r="P54" s="45"/>
      <c r="Q54" s="45"/>
      <c r="R54" s="45"/>
      <c r="S54" s="45"/>
      <c r="T54" s="45"/>
      <c r="U54" s="45"/>
      <c r="V54" s="45"/>
    </row>
    <row r="55" spans="1:22">
      <c r="A55" s="64" t="s">
        <v>83</v>
      </c>
      <c r="B55" s="65"/>
      <c r="C55" s="66">
        <v>727768.4154473833</v>
      </c>
      <c r="D55" s="67">
        <v>979109.87874738337</v>
      </c>
      <c r="E55" s="67">
        <v>1227026.6586673835</v>
      </c>
      <c r="F55" s="67">
        <v>1448061.3246673835</v>
      </c>
      <c r="G55" s="67">
        <v>1664614.8706673835</v>
      </c>
      <c r="H55" s="67">
        <v>1153511.3035533333</v>
      </c>
      <c r="I55" s="67">
        <v>1118723.3862533332</v>
      </c>
      <c r="J55" s="67">
        <v>1087360.1523333334</v>
      </c>
      <c r="K55" s="67">
        <v>1082879.0323333333</v>
      </c>
      <c r="L55" s="67">
        <v>1104879.0323333333</v>
      </c>
      <c r="M55" s="67">
        <v>1120967.2011133332</v>
      </c>
      <c r="N55" s="67">
        <v>1155755.1184133333</v>
      </c>
      <c r="O55" s="67">
        <v>1187118.3523333333</v>
      </c>
      <c r="P55" s="67">
        <v>1191599.4723333332</v>
      </c>
      <c r="Q55" s="67">
        <v>1169599.4723333332</v>
      </c>
      <c r="R55" s="67">
        <v>1153511.3035533333</v>
      </c>
      <c r="S55" s="67">
        <v>1118723.3862533332</v>
      </c>
      <c r="T55" s="67">
        <v>1087360.1523333334</v>
      </c>
      <c r="U55" s="67">
        <v>1082879.0323333333</v>
      </c>
      <c r="V55" s="68">
        <v>1082879.0323333333</v>
      </c>
    </row>
    <row r="56" spans="1:22">
      <c r="A56" s="69" t="s">
        <v>84</v>
      </c>
      <c r="B56" s="70"/>
      <c r="C56" s="72">
        <v>698368.94433405006</v>
      </c>
      <c r="D56" s="72">
        <v>914922.49033405003</v>
      </c>
      <c r="E56" s="72">
        <v>1131476.0363340501</v>
      </c>
      <c r="F56" s="72">
        <v>1348029.5823340502</v>
      </c>
      <c r="G56" s="72">
        <v>1564583.1283340503</v>
      </c>
      <c r="H56" s="72">
        <v>1082767.73</v>
      </c>
      <c r="I56" s="72">
        <v>1082767.73</v>
      </c>
      <c r="J56" s="72">
        <v>1082767.73</v>
      </c>
      <c r="K56" s="72">
        <v>1082767.73</v>
      </c>
      <c r="L56" s="72">
        <v>1082767.73</v>
      </c>
      <c r="M56" s="72">
        <v>1082767.73</v>
      </c>
      <c r="N56" s="72">
        <v>1082767.73</v>
      </c>
      <c r="O56" s="72">
        <v>1082767.73</v>
      </c>
      <c r="P56" s="72">
        <v>1082767.73</v>
      </c>
      <c r="Q56" s="72">
        <v>1082767.73</v>
      </c>
      <c r="R56" s="72">
        <v>1082767.73</v>
      </c>
      <c r="S56" s="72">
        <v>1082767.73</v>
      </c>
      <c r="T56" s="72">
        <v>1082767.73</v>
      </c>
      <c r="U56" s="72">
        <v>1082767.73</v>
      </c>
      <c r="V56" s="73">
        <v>1082767.73</v>
      </c>
    </row>
    <row r="57" spans="1:22">
      <c r="A57" s="74" t="s">
        <v>85</v>
      </c>
      <c r="B57" s="45"/>
      <c r="C57" s="48">
        <v>111.30233333333334</v>
      </c>
      <c r="D57" s="48">
        <v>111.30233333333334</v>
      </c>
      <c r="E57" s="48">
        <v>111.30233333333334</v>
      </c>
      <c r="F57" s="48">
        <v>111.30233333333334</v>
      </c>
      <c r="G57" s="48">
        <v>111.30233333333334</v>
      </c>
      <c r="H57" s="48">
        <v>111.30233333333334</v>
      </c>
      <c r="I57" s="48">
        <v>111.30233333333334</v>
      </c>
      <c r="J57" s="48">
        <v>111.30233333333334</v>
      </c>
      <c r="K57" s="48">
        <v>111.30233333333334</v>
      </c>
      <c r="L57" s="48">
        <v>111.30233333333334</v>
      </c>
      <c r="M57" s="48">
        <v>111.30233333333334</v>
      </c>
      <c r="N57" s="48">
        <v>111.30233333333334</v>
      </c>
      <c r="O57" s="48">
        <v>111.30233333333334</v>
      </c>
      <c r="P57" s="48">
        <v>111.30233333333334</v>
      </c>
      <c r="Q57" s="48">
        <v>111.30233333333334</v>
      </c>
      <c r="R57" s="48">
        <v>111.30233333333334</v>
      </c>
      <c r="S57" s="48">
        <v>111.30233333333334</v>
      </c>
      <c r="T57" s="48">
        <v>111.30233333333334</v>
      </c>
      <c r="U57" s="48">
        <v>111.30233333333334</v>
      </c>
      <c r="V57" s="48">
        <v>111.30233333333334</v>
      </c>
    </row>
    <row r="58" spans="1:22">
      <c r="A58" s="77" t="s">
        <v>86</v>
      </c>
      <c r="B58" s="78"/>
      <c r="C58" s="80">
        <v>29288.16878</v>
      </c>
      <c r="D58" s="80">
        <v>64076.086080000001</v>
      </c>
      <c r="E58" s="80">
        <v>95439.32</v>
      </c>
      <c r="F58" s="80">
        <v>99920.44</v>
      </c>
      <c r="G58" s="80">
        <v>99920.44</v>
      </c>
      <c r="H58" s="80">
        <v>70632.271219999995</v>
      </c>
      <c r="I58" s="80">
        <v>35844.353920000001</v>
      </c>
      <c r="J58" s="80">
        <v>4481.12</v>
      </c>
      <c r="K58" s="80">
        <v>0</v>
      </c>
      <c r="L58" s="80">
        <v>22000</v>
      </c>
      <c r="M58" s="80">
        <v>38088.16878</v>
      </c>
      <c r="N58" s="80">
        <v>72876.086080000008</v>
      </c>
      <c r="O58" s="80">
        <v>104239.31999999999</v>
      </c>
      <c r="P58" s="80">
        <v>108720.44</v>
      </c>
      <c r="Q58" s="80">
        <v>86720.44</v>
      </c>
      <c r="R58" s="80">
        <v>70632.271219999995</v>
      </c>
      <c r="S58" s="80">
        <v>35844.353920000001</v>
      </c>
      <c r="T58" s="80">
        <v>4481.12</v>
      </c>
      <c r="U58" s="80">
        <v>0</v>
      </c>
      <c r="V58" s="81">
        <v>0</v>
      </c>
    </row>
    <row r="88" spans="11:11" ht="12.75">
      <c r="K88" s="172" t="s">
        <v>167</v>
      </c>
    </row>
  </sheetData>
  <pageMargins left="0.19685039370078741" right="0.19685039370078741" top="0.19685039370078741" bottom="0.19685039370078741" header="0.31496062992125984" footer="0.31496062992125984"/>
  <pageSetup paperSize="9" scale="55" fitToWidth="2" orientation="landscape" r:id="rId1"/>
  <drawing r:id="rId2"/>
</worksheet>
</file>

<file path=xl/worksheets/sheet13.xml><?xml version="1.0" encoding="utf-8"?>
<worksheet xmlns="http://schemas.openxmlformats.org/spreadsheetml/2006/main" xmlns:r="http://schemas.openxmlformats.org/officeDocument/2006/relationships">
  <sheetPr codeName="Plan21"/>
  <dimension ref="A1:W88"/>
  <sheetViews>
    <sheetView view="pageBreakPreview" topLeftCell="A46" zoomScale="80" zoomScaleNormal="100" zoomScaleSheetLayoutView="80" workbookViewId="0">
      <selection activeCell="K89" sqref="K89"/>
    </sheetView>
  </sheetViews>
  <sheetFormatPr defaultRowHeight="11.25"/>
  <cols>
    <col min="1" max="1" width="34.85546875" style="2" customWidth="1"/>
    <col min="2" max="2" width="11" style="2" bestFit="1" customWidth="1"/>
    <col min="3" max="3" width="11.42578125" style="2" bestFit="1" customWidth="1"/>
    <col min="4" max="22" width="10.5703125" style="2" customWidth="1"/>
    <col min="23" max="23" width="9.140625" style="2"/>
    <col min="24" max="25" width="9.140625" style="2" customWidth="1"/>
    <col min="26" max="16384" width="9.140625" style="2"/>
  </cols>
  <sheetData>
    <row r="1" spans="1:22" ht="25.5" customHeight="1">
      <c r="A1" s="165" t="s">
        <v>94</v>
      </c>
    </row>
    <row r="4" spans="1:22" ht="17.25" customHeight="1">
      <c r="A4" s="165" t="s">
        <v>152</v>
      </c>
    </row>
    <row r="5" spans="1:22" ht="15.75">
      <c r="A5" s="173" t="s">
        <v>160</v>
      </c>
    </row>
    <row r="6" spans="1:22" ht="15.75">
      <c r="A6" s="173" t="s">
        <v>153</v>
      </c>
    </row>
    <row r="7" spans="1:22" ht="12.75">
      <c r="A7" s="174" t="s">
        <v>56</v>
      </c>
      <c r="B7" s="175"/>
      <c r="C7" s="176">
        <v>10</v>
      </c>
    </row>
    <row r="8" spans="1:22" ht="12.75">
      <c r="A8" s="177" t="s">
        <v>58</v>
      </c>
      <c r="B8" s="178"/>
      <c r="C8" s="188">
        <v>49831.304364190131</v>
      </c>
    </row>
    <row r="9" spans="1:22" ht="12.75">
      <c r="A9" s="180"/>
      <c r="B9" s="180"/>
      <c r="C9" s="121"/>
    </row>
    <row r="10" spans="1:22" ht="12.75">
      <c r="A10" s="174" t="s">
        <v>59</v>
      </c>
      <c r="B10" s="175"/>
      <c r="C10" s="181">
        <v>45269.090806279622</v>
      </c>
    </row>
    <row r="11" spans="1:22" ht="12.75">
      <c r="A11" s="174" t="s">
        <v>60</v>
      </c>
      <c r="B11" s="175"/>
      <c r="C11" s="181">
        <v>13520.58237</v>
      </c>
    </row>
    <row r="12" spans="1:22" ht="12.75">
      <c r="A12" s="174" t="s">
        <v>61</v>
      </c>
      <c r="B12" s="175"/>
      <c r="C12" s="182">
        <v>31748.508436279626</v>
      </c>
    </row>
    <row r="13" spans="1:22" ht="12.75">
      <c r="A13" s="174" t="s">
        <v>62</v>
      </c>
      <c r="B13" s="175"/>
      <c r="C13" s="181">
        <v>0</v>
      </c>
    </row>
    <row r="14" spans="1:22">
      <c r="A14" s="45"/>
      <c r="B14" s="45"/>
      <c r="C14" s="48"/>
    </row>
    <row r="15" spans="1:22" ht="18">
      <c r="A15" s="183" t="s">
        <v>154</v>
      </c>
      <c r="C15" s="48"/>
      <c r="D15" s="27"/>
      <c r="V15" s="49" t="s">
        <v>63</v>
      </c>
    </row>
    <row r="16" spans="1:22">
      <c r="A16" s="50"/>
      <c r="B16" s="50" t="s">
        <v>2</v>
      </c>
      <c r="C16" s="50" t="s">
        <v>3</v>
      </c>
      <c r="D16" s="50" t="s">
        <v>4</v>
      </c>
      <c r="E16" s="50" t="s">
        <v>5</v>
      </c>
      <c r="F16" s="50" t="s">
        <v>6</v>
      </c>
      <c r="G16" s="50" t="s">
        <v>7</v>
      </c>
      <c r="H16" s="50" t="s">
        <v>8</v>
      </c>
      <c r="I16" s="50" t="s">
        <v>9</v>
      </c>
      <c r="J16" s="50" t="s">
        <v>10</v>
      </c>
      <c r="K16" s="50" t="s">
        <v>11</v>
      </c>
      <c r="L16" s="50" t="s">
        <v>12</v>
      </c>
      <c r="M16" s="50" t="s">
        <v>13</v>
      </c>
      <c r="N16" s="50" t="s">
        <v>14</v>
      </c>
      <c r="O16" s="50" t="s">
        <v>15</v>
      </c>
      <c r="P16" s="50" t="s">
        <v>16</v>
      </c>
      <c r="Q16" s="50" t="s">
        <v>17</v>
      </c>
      <c r="R16" s="50" t="s">
        <v>18</v>
      </c>
      <c r="S16" s="50" t="s">
        <v>19</v>
      </c>
      <c r="T16" s="50" t="s">
        <v>20</v>
      </c>
      <c r="U16" s="50" t="s">
        <v>21</v>
      </c>
      <c r="V16" s="50" t="s">
        <v>22</v>
      </c>
    </row>
    <row r="17" spans="1:22">
      <c r="A17" s="45" t="s">
        <v>64</v>
      </c>
      <c r="B17" s="45"/>
      <c r="C17" s="48">
        <v>5979756.5237028161</v>
      </c>
      <c r="D17" s="48">
        <v>5979756.5237028161</v>
      </c>
      <c r="E17" s="48">
        <v>5979756.5237028161</v>
      </c>
      <c r="F17" s="48">
        <v>5979756.5237028161</v>
      </c>
      <c r="G17" s="48">
        <v>5979756.5237028161</v>
      </c>
      <c r="H17" s="48">
        <v>5979756.5237028161</v>
      </c>
      <c r="I17" s="48">
        <v>5979756.5237028161</v>
      </c>
      <c r="J17" s="48">
        <v>5979756.5237028161</v>
      </c>
      <c r="K17" s="48">
        <v>5979756.5237028161</v>
      </c>
      <c r="L17" s="48">
        <v>5979756.5237028161</v>
      </c>
      <c r="M17" s="48">
        <v>5979756.5237028161</v>
      </c>
      <c r="N17" s="48">
        <v>5979756.5237028161</v>
      </c>
      <c r="O17" s="48">
        <v>5979756.5237028161</v>
      </c>
      <c r="P17" s="48">
        <v>5979756.5237028161</v>
      </c>
      <c r="Q17" s="48">
        <v>5979756.5237028161</v>
      </c>
      <c r="R17" s="48">
        <v>5979756.5237028161</v>
      </c>
      <c r="S17" s="48">
        <v>5979756.5237028161</v>
      </c>
      <c r="T17" s="48">
        <v>5979756.5237028161</v>
      </c>
      <c r="U17" s="48">
        <v>5979756.5237028161</v>
      </c>
      <c r="V17" s="48">
        <v>5979756.5237028161</v>
      </c>
    </row>
    <row r="18" spans="1:22">
      <c r="A18" s="51" t="s">
        <v>65</v>
      </c>
      <c r="B18" s="51"/>
      <c r="C18" s="52">
        <v>119595.13047405632</v>
      </c>
      <c r="D18" s="52">
        <v>119595.13047405632</v>
      </c>
      <c r="E18" s="52">
        <v>119595.13047405632</v>
      </c>
      <c r="F18" s="52">
        <v>119595.13047405632</v>
      </c>
      <c r="G18" s="52">
        <v>119595.13047405632</v>
      </c>
      <c r="H18" s="52">
        <v>119595.13047405632</v>
      </c>
      <c r="I18" s="52">
        <v>119595.13047405632</v>
      </c>
      <c r="J18" s="52">
        <v>119595.13047405632</v>
      </c>
      <c r="K18" s="52">
        <v>119595.13047405632</v>
      </c>
      <c r="L18" s="52">
        <v>119595.13047405632</v>
      </c>
      <c r="M18" s="52">
        <v>119595.13047405632</v>
      </c>
      <c r="N18" s="52">
        <v>119595.13047405632</v>
      </c>
      <c r="O18" s="52">
        <v>119595.13047405632</v>
      </c>
      <c r="P18" s="52">
        <v>119595.13047405632</v>
      </c>
      <c r="Q18" s="52">
        <v>119595.13047405632</v>
      </c>
      <c r="R18" s="52">
        <v>119595.13047405632</v>
      </c>
      <c r="S18" s="52">
        <v>119595.13047405632</v>
      </c>
      <c r="T18" s="52">
        <v>119595.13047405632</v>
      </c>
      <c r="U18" s="52">
        <v>119595.13047405632</v>
      </c>
      <c r="V18" s="52">
        <v>119595.13047405632</v>
      </c>
    </row>
    <row r="19" spans="1:22">
      <c r="A19" s="45" t="s">
        <v>66</v>
      </c>
      <c r="B19" s="45"/>
      <c r="C19" s="53">
        <v>5860161.39322876</v>
      </c>
      <c r="D19" s="53">
        <v>5860161.39322876</v>
      </c>
      <c r="E19" s="53">
        <v>5860161.39322876</v>
      </c>
      <c r="F19" s="53">
        <v>5860161.39322876</v>
      </c>
      <c r="G19" s="53">
        <v>5860161.39322876</v>
      </c>
      <c r="H19" s="53">
        <v>5860161.39322876</v>
      </c>
      <c r="I19" s="53">
        <v>5860161.39322876</v>
      </c>
      <c r="J19" s="53">
        <v>5860161.39322876</v>
      </c>
      <c r="K19" s="53">
        <v>5860161.39322876</v>
      </c>
      <c r="L19" s="53">
        <v>5860161.39322876</v>
      </c>
      <c r="M19" s="53">
        <v>5860161.39322876</v>
      </c>
      <c r="N19" s="53">
        <v>5860161.39322876</v>
      </c>
      <c r="O19" s="53">
        <v>5860161.39322876</v>
      </c>
      <c r="P19" s="53">
        <v>5860161.39322876</v>
      </c>
      <c r="Q19" s="53">
        <v>5860161.39322876</v>
      </c>
      <c r="R19" s="53">
        <v>5860161.39322876</v>
      </c>
      <c r="S19" s="53">
        <v>5860161.39322876</v>
      </c>
      <c r="T19" s="53">
        <v>5860161.39322876</v>
      </c>
      <c r="U19" s="53">
        <v>5860161.39322876</v>
      </c>
      <c r="V19" s="53">
        <v>5860161.39322876</v>
      </c>
    </row>
    <row r="20" spans="1:22">
      <c r="A20" s="45"/>
      <c r="B20" s="45"/>
      <c r="C20" s="45"/>
      <c r="D20" s="45"/>
      <c r="E20" s="45"/>
      <c r="F20" s="45"/>
      <c r="G20" s="45"/>
      <c r="H20" s="45"/>
      <c r="I20" s="45"/>
      <c r="J20" s="45"/>
      <c r="K20" s="45"/>
      <c r="L20" s="45"/>
      <c r="M20" s="45"/>
      <c r="N20" s="45"/>
      <c r="O20" s="45"/>
      <c r="P20" s="45"/>
      <c r="Q20" s="45"/>
      <c r="R20" s="45"/>
      <c r="S20" s="45"/>
      <c r="T20" s="45"/>
      <c r="U20" s="45"/>
      <c r="V20" s="45"/>
    </row>
    <row r="21" spans="1:22">
      <c r="A21" s="51" t="s">
        <v>67</v>
      </c>
      <c r="B21" s="51"/>
      <c r="C21" s="52">
        <v>5439294.0967535554</v>
      </c>
      <c r="D21" s="52">
        <v>5439294.0967535554</v>
      </c>
      <c r="E21" s="52">
        <v>5439294.0967535554</v>
      </c>
      <c r="F21" s="52">
        <v>5446696.8967535552</v>
      </c>
      <c r="G21" s="52">
        <v>5446696.8967535552</v>
      </c>
      <c r="H21" s="52">
        <v>5446696.8967535552</v>
      </c>
      <c r="I21" s="52">
        <v>5446696.8967535552</v>
      </c>
      <c r="J21" s="52">
        <v>5446696.8967535552</v>
      </c>
      <c r="K21" s="52">
        <v>5446696.8967535552</v>
      </c>
      <c r="L21" s="52">
        <v>5446696.8967535552</v>
      </c>
      <c r="M21" s="54">
        <v>5439294.0967535554</v>
      </c>
      <c r="N21" s="54">
        <v>5439294.0967535554</v>
      </c>
      <c r="O21" s="54">
        <v>5439294.0967535554</v>
      </c>
      <c r="P21" s="54">
        <v>5446696.8967535552</v>
      </c>
      <c r="Q21" s="54">
        <v>5446696.8967535552</v>
      </c>
      <c r="R21" s="54">
        <v>5446696.8967535552</v>
      </c>
      <c r="S21" s="54">
        <v>5446696.8967535552</v>
      </c>
      <c r="T21" s="54">
        <v>5446696.8967535552</v>
      </c>
      <c r="U21" s="54">
        <v>5446696.8967535552</v>
      </c>
      <c r="V21" s="54">
        <v>5446696.8967535552</v>
      </c>
    </row>
    <row r="22" spans="1:22">
      <c r="A22" s="45"/>
      <c r="B22" s="45"/>
      <c r="C22" s="45"/>
      <c r="D22" s="45"/>
      <c r="E22" s="45"/>
      <c r="F22" s="45"/>
      <c r="G22" s="45"/>
      <c r="H22" s="45"/>
      <c r="I22" s="45"/>
      <c r="J22" s="45"/>
      <c r="K22" s="45"/>
      <c r="L22" s="45"/>
      <c r="M22" s="45"/>
      <c r="N22" s="45"/>
      <c r="O22" s="45"/>
      <c r="P22" s="45"/>
      <c r="Q22" s="45"/>
      <c r="R22" s="45"/>
      <c r="S22" s="45"/>
      <c r="T22" s="45"/>
      <c r="U22" s="45"/>
      <c r="V22" s="45"/>
    </row>
    <row r="23" spans="1:22">
      <c r="A23" s="45" t="s">
        <v>68</v>
      </c>
      <c r="B23" s="45"/>
      <c r="C23" s="48">
        <v>35055.865828333335</v>
      </c>
      <c r="D23" s="48">
        <v>59630.09932833333</v>
      </c>
      <c r="E23" s="48">
        <v>73165.497048333331</v>
      </c>
      <c r="F23" s="48">
        <v>75406.057048333329</v>
      </c>
      <c r="G23" s="48">
        <v>75406.057048333329</v>
      </c>
      <c r="H23" s="48">
        <v>52717.888268333336</v>
      </c>
      <c r="I23" s="48">
        <v>28143.654768333334</v>
      </c>
      <c r="J23" s="48">
        <v>14608.257048333333</v>
      </c>
      <c r="K23" s="48">
        <v>12367.697048333333</v>
      </c>
      <c r="L23" s="48">
        <v>23367.697048333335</v>
      </c>
      <c r="M23" s="48">
        <v>39455.865828333335</v>
      </c>
      <c r="N23" s="48">
        <v>799168.70461333334</v>
      </c>
      <c r="O23" s="48">
        <v>812704.10233333334</v>
      </c>
      <c r="P23" s="48">
        <v>814944.66233333328</v>
      </c>
      <c r="Q23" s="48">
        <v>803944.66233333328</v>
      </c>
      <c r="R23" s="48">
        <v>787856.49355333333</v>
      </c>
      <c r="S23" s="48">
        <v>763282.26005333324</v>
      </c>
      <c r="T23" s="48">
        <v>749746.86233333335</v>
      </c>
      <c r="U23" s="48">
        <v>747506.3023333333</v>
      </c>
      <c r="V23" s="48">
        <v>747506.3023333333</v>
      </c>
    </row>
    <row r="24" spans="1:22">
      <c r="A24" s="45"/>
      <c r="B24" s="45"/>
      <c r="C24" s="45"/>
      <c r="D24" s="45"/>
      <c r="E24" s="45"/>
      <c r="F24" s="45"/>
      <c r="G24" s="45"/>
      <c r="H24" s="45"/>
      <c r="I24" s="45"/>
      <c r="J24" s="45"/>
      <c r="K24" s="45"/>
      <c r="L24" s="45"/>
      <c r="M24" s="45"/>
      <c r="N24" s="45"/>
      <c r="O24" s="45"/>
      <c r="P24" s="45"/>
      <c r="Q24" s="45"/>
      <c r="R24" s="45"/>
      <c r="S24" s="45"/>
      <c r="T24" s="45"/>
      <c r="U24" s="45"/>
      <c r="V24" s="45"/>
    </row>
    <row r="25" spans="1:22">
      <c r="A25" s="51" t="s">
        <v>69</v>
      </c>
      <c r="B25" s="51"/>
      <c r="C25" s="54">
        <v>385811.43064687133</v>
      </c>
      <c r="D25" s="54">
        <v>361237.1971468713</v>
      </c>
      <c r="E25" s="54">
        <v>347701.79942687129</v>
      </c>
      <c r="F25" s="54">
        <v>338058.43942687148</v>
      </c>
      <c r="G25" s="54">
        <v>338058.43942687148</v>
      </c>
      <c r="H25" s="54">
        <v>360746.60820687149</v>
      </c>
      <c r="I25" s="54">
        <v>385320.84170687152</v>
      </c>
      <c r="J25" s="54">
        <v>398856.23942687147</v>
      </c>
      <c r="K25" s="54">
        <v>401096.79942687147</v>
      </c>
      <c r="L25" s="54">
        <v>390096.79942687147</v>
      </c>
      <c r="M25" s="54">
        <v>381411.43064687133</v>
      </c>
      <c r="N25" s="54">
        <v>-378301.4081381287</v>
      </c>
      <c r="O25" s="54">
        <v>-391836.8058581287</v>
      </c>
      <c r="P25" s="54">
        <v>-401480.16585812846</v>
      </c>
      <c r="Q25" s="54">
        <v>-390480.16585812846</v>
      </c>
      <c r="R25" s="54">
        <v>-374391.99707812851</v>
      </c>
      <c r="S25" s="54">
        <v>-349817.76357812842</v>
      </c>
      <c r="T25" s="54">
        <v>-336282.36585812853</v>
      </c>
      <c r="U25" s="54">
        <v>-334041.80585812847</v>
      </c>
      <c r="V25" s="54">
        <v>-334041.80585812847</v>
      </c>
    </row>
    <row r="26" spans="1:22">
      <c r="A26" s="45"/>
      <c r="B26" s="45"/>
      <c r="C26" s="45"/>
      <c r="D26" s="45"/>
      <c r="E26" s="45"/>
      <c r="F26" s="45"/>
      <c r="G26" s="45"/>
      <c r="H26" s="45"/>
      <c r="I26" s="45"/>
      <c r="J26" s="45"/>
      <c r="K26" s="45"/>
      <c r="L26" s="45"/>
      <c r="M26" s="45"/>
      <c r="N26" s="45"/>
      <c r="O26" s="45"/>
      <c r="P26" s="45"/>
      <c r="Q26" s="45"/>
      <c r="R26" s="45"/>
      <c r="S26" s="45"/>
      <c r="T26" s="45"/>
      <c r="U26" s="45"/>
      <c r="V26" s="45"/>
    </row>
    <row r="27" spans="1:22">
      <c r="A27" s="45" t="s">
        <v>70</v>
      </c>
      <c r="B27" s="45"/>
      <c r="C27" s="48">
        <v>131175.88641993626</v>
      </c>
      <c r="D27" s="48">
        <v>122820.64702993626</v>
      </c>
      <c r="E27" s="48">
        <v>118218.61180513624</v>
      </c>
      <c r="F27" s="48">
        <v>114939.86940513631</v>
      </c>
      <c r="G27" s="48">
        <v>114939.86940513631</v>
      </c>
      <c r="H27" s="48">
        <v>122653.84679033632</v>
      </c>
      <c r="I27" s="48">
        <v>131009.08618033632</v>
      </c>
      <c r="J27" s="48">
        <v>135611.12140513631</v>
      </c>
      <c r="K27" s="48">
        <v>136372.9118051363</v>
      </c>
      <c r="L27" s="48">
        <v>132632.9118051363</v>
      </c>
      <c r="M27" s="48">
        <v>129679.88641993626</v>
      </c>
      <c r="N27" s="48">
        <v>0</v>
      </c>
      <c r="O27" s="48">
        <v>0</v>
      </c>
      <c r="P27" s="48">
        <v>0</v>
      </c>
      <c r="Q27" s="48">
        <v>0</v>
      </c>
      <c r="R27" s="48">
        <v>0</v>
      </c>
      <c r="S27" s="48">
        <v>0</v>
      </c>
      <c r="T27" s="48">
        <v>0</v>
      </c>
      <c r="U27" s="48">
        <v>0</v>
      </c>
      <c r="V27" s="48">
        <v>0</v>
      </c>
    </row>
    <row r="28" spans="1:22">
      <c r="A28" s="45"/>
      <c r="B28" s="45"/>
      <c r="C28" s="45"/>
      <c r="D28" s="45"/>
      <c r="E28" s="45"/>
      <c r="F28" s="45"/>
      <c r="G28" s="45"/>
      <c r="H28" s="45"/>
      <c r="I28" s="45"/>
      <c r="J28" s="45"/>
      <c r="K28" s="45"/>
      <c r="L28" s="45"/>
      <c r="M28" s="45"/>
      <c r="N28" s="45"/>
      <c r="O28" s="45"/>
      <c r="P28" s="45"/>
      <c r="Q28" s="45"/>
      <c r="R28" s="45"/>
      <c r="S28" s="45"/>
      <c r="T28" s="45"/>
      <c r="U28" s="45"/>
      <c r="V28" s="45"/>
    </row>
    <row r="29" spans="1:22">
      <c r="A29" s="51" t="s">
        <v>71</v>
      </c>
      <c r="B29" s="51"/>
      <c r="C29" s="54">
        <v>254635.54422693508</v>
      </c>
      <c r="D29" s="54">
        <v>238416.55011693505</v>
      </c>
      <c r="E29" s="54">
        <v>229483.18762173504</v>
      </c>
      <c r="F29" s="54">
        <v>223118.57002173516</v>
      </c>
      <c r="G29" s="54">
        <v>223118.57002173516</v>
      </c>
      <c r="H29" s="54">
        <v>238092.76141653518</v>
      </c>
      <c r="I29" s="54">
        <v>254311.75552653521</v>
      </c>
      <c r="J29" s="54">
        <v>263245.11802173516</v>
      </c>
      <c r="K29" s="54">
        <v>264723.88762173516</v>
      </c>
      <c r="L29" s="54">
        <v>257463.88762173516</v>
      </c>
      <c r="M29" s="54">
        <v>251731.54422693508</v>
      </c>
      <c r="N29" s="54">
        <v>-378301.4081381287</v>
      </c>
      <c r="O29" s="54">
        <v>-391836.8058581287</v>
      </c>
      <c r="P29" s="54">
        <v>-401480.16585812846</v>
      </c>
      <c r="Q29" s="54">
        <v>-390480.16585812846</v>
      </c>
      <c r="R29" s="54">
        <v>-374391.99707812851</v>
      </c>
      <c r="S29" s="54">
        <v>-349817.76357812842</v>
      </c>
      <c r="T29" s="54">
        <v>-336282.36585812853</v>
      </c>
      <c r="U29" s="54">
        <v>-334041.80585812847</v>
      </c>
      <c r="V29" s="54">
        <v>-334041.80585812847</v>
      </c>
    </row>
    <row r="30" spans="1:22">
      <c r="A30" s="45"/>
      <c r="B30" s="45"/>
      <c r="C30" s="45"/>
      <c r="D30" s="45"/>
      <c r="E30" s="45"/>
      <c r="F30" s="45"/>
      <c r="G30" s="45"/>
      <c r="H30" s="45"/>
      <c r="I30" s="45"/>
      <c r="J30" s="45"/>
      <c r="K30" s="45"/>
      <c r="L30" s="45"/>
      <c r="M30" s="45"/>
      <c r="N30" s="45"/>
      <c r="O30" s="45"/>
      <c r="P30" s="45"/>
      <c r="Q30" s="45"/>
      <c r="R30" s="45"/>
      <c r="S30" s="45"/>
      <c r="T30" s="45"/>
      <c r="U30" s="45"/>
      <c r="V30" s="45"/>
    </row>
    <row r="31" spans="1:22">
      <c r="A31" s="45" t="s">
        <v>72</v>
      </c>
      <c r="B31" s="45"/>
      <c r="C31" s="48">
        <v>35055.865828333335</v>
      </c>
      <c r="D31" s="48">
        <v>59630.09932833333</v>
      </c>
      <c r="E31" s="48">
        <v>73165.497048333331</v>
      </c>
      <c r="F31" s="48">
        <v>75406.057048333329</v>
      </c>
      <c r="G31" s="48">
        <v>75406.057048333329</v>
      </c>
      <c r="H31" s="48">
        <v>52717.888268333336</v>
      </c>
      <c r="I31" s="48">
        <v>28143.654768333334</v>
      </c>
      <c r="J31" s="48">
        <v>14608.257048333333</v>
      </c>
      <c r="K31" s="48">
        <v>12367.697048333333</v>
      </c>
      <c r="L31" s="48">
        <v>23367.697048333335</v>
      </c>
      <c r="M31" s="48">
        <v>39455.865828333335</v>
      </c>
      <c r="N31" s="48">
        <v>799168.70461333334</v>
      </c>
      <c r="O31" s="48">
        <v>812704.10233333334</v>
      </c>
      <c r="P31" s="48">
        <v>814944.66233333328</v>
      </c>
      <c r="Q31" s="48">
        <v>803944.66233333328</v>
      </c>
      <c r="R31" s="48">
        <v>787856.49355333333</v>
      </c>
      <c r="S31" s="48">
        <v>763282.26005333324</v>
      </c>
      <c r="T31" s="48">
        <v>749746.86233333335</v>
      </c>
      <c r="U31" s="48">
        <v>747506.3023333333</v>
      </c>
      <c r="V31" s="48">
        <v>747506.3023333333</v>
      </c>
    </row>
    <row r="32" spans="1:22">
      <c r="A32" s="45"/>
      <c r="B32" s="45"/>
      <c r="C32" s="45"/>
      <c r="D32" s="45"/>
      <c r="E32" s="45"/>
      <c r="F32" s="45"/>
      <c r="G32" s="45"/>
      <c r="H32" s="45"/>
      <c r="I32" s="45"/>
      <c r="J32" s="45"/>
      <c r="K32" s="45"/>
      <c r="L32" s="45"/>
      <c r="M32" s="45"/>
      <c r="N32" s="45"/>
      <c r="O32" s="45"/>
      <c r="P32" s="45"/>
      <c r="Q32" s="45"/>
      <c r="R32" s="45"/>
      <c r="S32" s="45"/>
      <c r="T32" s="45"/>
      <c r="U32" s="45"/>
      <c r="V32" s="45"/>
    </row>
    <row r="33" spans="1:22">
      <c r="A33" s="51" t="s">
        <v>73</v>
      </c>
      <c r="B33" s="51"/>
      <c r="C33" s="54">
        <v>289691.41005526844</v>
      </c>
      <c r="D33" s="54">
        <v>298046.64944526838</v>
      </c>
      <c r="E33" s="54">
        <v>302648.68467006838</v>
      </c>
      <c r="F33" s="54">
        <v>298524.6270700685</v>
      </c>
      <c r="G33" s="54">
        <v>298524.6270700685</v>
      </c>
      <c r="H33" s="54">
        <v>290810.64968486852</v>
      </c>
      <c r="I33" s="54">
        <v>282455.41029486852</v>
      </c>
      <c r="J33" s="54">
        <v>277853.37507006852</v>
      </c>
      <c r="K33" s="54">
        <v>277091.58467006852</v>
      </c>
      <c r="L33" s="54">
        <v>280831.58467006852</v>
      </c>
      <c r="M33" s="54">
        <v>291187.41005526844</v>
      </c>
      <c r="N33" s="54">
        <v>420867.29647520464</v>
      </c>
      <c r="O33" s="54">
        <v>420867.29647520464</v>
      </c>
      <c r="P33" s="54">
        <v>413464.49647520483</v>
      </c>
      <c r="Q33" s="54">
        <v>413464.49647520483</v>
      </c>
      <c r="R33" s="54">
        <v>413464.49647520483</v>
      </c>
      <c r="S33" s="54">
        <v>413464.49647520483</v>
      </c>
      <c r="T33" s="54">
        <v>413464.49647520483</v>
      </c>
      <c r="U33" s="54">
        <v>413464.49647520483</v>
      </c>
      <c r="V33" s="54">
        <v>413464.49647520483</v>
      </c>
    </row>
    <row r="34" spans="1:22">
      <c r="A34" s="45"/>
      <c r="B34" s="48"/>
      <c r="C34" s="45"/>
      <c r="D34" s="45"/>
      <c r="E34" s="45"/>
      <c r="F34" s="45"/>
      <c r="G34" s="45"/>
      <c r="H34" s="45"/>
      <c r="I34" s="45"/>
      <c r="J34" s="45"/>
      <c r="K34" s="45"/>
      <c r="L34" s="45"/>
      <c r="M34" s="45"/>
      <c r="N34" s="45"/>
      <c r="O34" s="45"/>
      <c r="P34" s="45"/>
      <c r="Q34" s="45"/>
      <c r="R34" s="45"/>
      <c r="S34" s="45"/>
      <c r="T34" s="45"/>
      <c r="U34" s="45"/>
      <c r="V34" s="45"/>
    </row>
    <row r="35" spans="1:22">
      <c r="A35" s="45" t="s">
        <v>74</v>
      </c>
      <c r="B35" s="53">
        <v>247101.31990271993</v>
      </c>
      <c r="C35" s="53">
        <v>80440.843899999993</v>
      </c>
      <c r="D35" s="53">
        <v>122871.1675</v>
      </c>
      <c r="E35" s="53">
        <v>67676.988600000012</v>
      </c>
      <c r="F35" s="53">
        <v>11202.8</v>
      </c>
      <c r="G35" s="53">
        <v>0</v>
      </c>
      <c r="H35" s="53">
        <v>0</v>
      </c>
      <c r="I35" s="53">
        <v>0</v>
      </c>
      <c r="J35" s="53">
        <v>0</v>
      </c>
      <c r="K35" s="53">
        <v>0</v>
      </c>
      <c r="L35" s="53">
        <v>55000</v>
      </c>
      <c r="M35" s="53">
        <v>80440.843899999993</v>
      </c>
      <c r="N35" s="53">
        <v>6849426.1675000004</v>
      </c>
      <c r="O35" s="53">
        <v>67676.988600000012</v>
      </c>
      <c r="P35" s="53">
        <v>11202.8</v>
      </c>
      <c r="Q35" s="53">
        <v>0</v>
      </c>
      <c r="R35" s="53">
        <v>0</v>
      </c>
      <c r="S35" s="53">
        <v>0</v>
      </c>
      <c r="T35" s="53">
        <v>0</v>
      </c>
      <c r="U35" s="53">
        <v>0</v>
      </c>
      <c r="V35" s="53">
        <v>-74510.878037719944</v>
      </c>
    </row>
    <row r="36" spans="1:22">
      <c r="A36" s="55" t="s">
        <v>75</v>
      </c>
      <c r="B36" s="54">
        <v>134820.34186499999</v>
      </c>
      <c r="C36" s="54"/>
      <c r="D36" s="54"/>
      <c r="E36" s="54"/>
      <c r="F36" s="54"/>
      <c r="G36" s="54"/>
      <c r="H36" s="54"/>
      <c r="I36" s="54"/>
      <c r="J36" s="54"/>
      <c r="K36" s="54"/>
      <c r="L36" s="54"/>
      <c r="M36" s="54"/>
      <c r="N36" s="54">
        <v>6726555</v>
      </c>
      <c r="O36" s="54"/>
      <c r="P36" s="54"/>
      <c r="Q36" s="54"/>
      <c r="R36" s="54"/>
      <c r="S36" s="54"/>
      <c r="T36" s="54"/>
      <c r="U36" s="54"/>
      <c r="V36" s="54"/>
    </row>
    <row r="37" spans="1:22">
      <c r="A37" s="56" t="s">
        <v>76</v>
      </c>
      <c r="B37" s="48">
        <v>33000</v>
      </c>
      <c r="C37" s="48">
        <v>80440.843899999993</v>
      </c>
      <c r="D37" s="48">
        <v>122871.1675</v>
      </c>
      <c r="E37" s="48">
        <v>67676.988600000012</v>
      </c>
      <c r="F37" s="48">
        <v>11202.8</v>
      </c>
      <c r="G37" s="48">
        <v>0</v>
      </c>
      <c r="H37" s="48">
        <v>0</v>
      </c>
      <c r="I37" s="48">
        <v>0</v>
      </c>
      <c r="J37" s="48">
        <v>0</v>
      </c>
      <c r="K37" s="48">
        <v>0</v>
      </c>
      <c r="L37" s="48">
        <v>55000</v>
      </c>
      <c r="M37" s="48">
        <v>80440.843899999993</v>
      </c>
      <c r="N37" s="48">
        <v>122871.1675</v>
      </c>
      <c r="O37" s="48">
        <v>67676.988600000012</v>
      </c>
      <c r="P37" s="48">
        <v>11202.8</v>
      </c>
      <c r="Q37" s="48">
        <v>0</v>
      </c>
      <c r="R37" s="48">
        <v>0</v>
      </c>
      <c r="S37" s="48">
        <v>0</v>
      </c>
      <c r="T37" s="48">
        <v>0</v>
      </c>
      <c r="U37" s="48">
        <v>0</v>
      </c>
      <c r="V37" s="48">
        <v>0</v>
      </c>
    </row>
    <row r="38" spans="1:22">
      <c r="A38" s="55" t="s">
        <v>77</v>
      </c>
      <c r="B38" s="52">
        <v>4770.1000000000004</v>
      </c>
      <c r="C38" s="51">
        <v>0</v>
      </c>
      <c r="D38" s="51">
        <v>0</v>
      </c>
      <c r="E38" s="51">
        <v>0</v>
      </c>
      <c r="F38" s="51">
        <v>0</v>
      </c>
      <c r="G38" s="51">
        <v>0</v>
      </c>
      <c r="H38" s="51">
        <v>0</v>
      </c>
      <c r="I38" s="51">
        <v>0</v>
      </c>
      <c r="J38" s="51">
        <v>0</v>
      </c>
      <c r="K38" s="51">
        <v>0</v>
      </c>
      <c r="L38" s="51">
        <v>0</v>
      </c>
      <c r="M38" s="51"/>
      <c r="N38" s="51"/>
      <c r="O38" s="51"/>
      <c r="P38" s="51"/>
      <c r="Q38" s="51"/>
      <c r="R38" s="51"/>
      <c r="S38" s="51"/>
      <c r="T38" s="51"/>
      <c r="U38" s="51"/>
      <c r="V38" s="51"/>
    </row>
    <row r="39" spans="1:22">
      <c r="A39" s="56" t="s">
        <v>78</v>
      </c>
      <c r="B39" s="48">
        <v>74510.878037719944</v>
      </c>
      <c r="C39" s="45">
        <v>0</v>
      </c>
      <c r="D39" s="45">
        <v>0</v>
      </c>
      <c r="E39" s="45">
        <v>0</v>
      </c>
      <c r="F39" s="45">
        <v>0</v>
      </c>
      <c r="G39" s="45">
        <v>0</v>
      </c>
      <c r="H39" s="45">
        <v>0</v>
      </c>
      <c r="I39" s="45">
        <v>0</v>
      </c>
      <c r="J39" s="45">
        <v>0</v>
      </c>
      <c r="K39" s="45">
        <v>0</v>
      </c>
      <c r="L39" s="53">
        <v>0</v>
      </c>
      <c r="M39" s="53">
        <v>0</v>
      </c>
      <c r="N39" s="53">
        <v>0</v>
      </c>
      <c r="O39" s="53">
        <v>0</v>
      </c>
      <c r="P39" s="53">
        <v>0</v>
      </c>
      <c r="Q39" s="53">
        <v>0</v>
      </c>
      <c r="R39" s="53">
        <v>0</v>
      </c>
      <c r="S39" s="53">
        <v>0</v>
      </c>
      <c r="T39" s="53">
        <v>0</v>
      </c>
      <c r="U39" s="53">
        <v>0</v>
      </c>
      <c r="V39" s="53">
        <v>-74510.878037719944</v>
      </c>
    </row>
    <row r="40" spans="1:22">
      <c r="A40" s="45"/>
      <c r="B40" s="45"/>
      <c r="C40" s="45"/>
      <c r="D40" s="45"/>
      <c r="E40" s="45"/>
      <c r="F40" s="45"/>
      <c r="G40" s="45"/>
      <c r="H40" s="45"/>
      <c r="I40" s="45"/>
      <c r="J40" s="45"/>
      <c r="K40" s="45"/>
      <c r="L40" s="45"/>
      <c r="M40" s="45"/>
      <c r="N40" s="45"/>
      <c r="O40" s="45"/>
      <c r="P40" s="45"/>
      <c r="Q40" s="45"/>
      <c r="R40" s="45"/>
      <c r="S40" s="45"/>
      <c r="T40" s="45"/>
      <c r="U40" s="45"/>
      <c r="V40" s="45"/>
    </row>
    <row r="41" spans="1:22">
      <c r="A41" s="51" t="s">
        <v>79</v>
      </c>
      <c r="B41" s="52">
        <v>0</v>
      </c>
      <c r="C41" s="52">
        <v>0</v>
      </c>
      <c r="D41" s="52">
        <v>0</v>
      </c>
      <c r="E41" s="52">
        <v>0</v>
      </c>
      <c r="F41" s="52">
        <v>0</v>
      </c>
      <c r="G41" s="52">
        <v>0</v>
      </c>
      <c r="H41" s="52">
        <v>0</v>
      </c>
      <c r="I41" s="52">
        <v>0</v>
      </c>
      <c r="J41" s="52">
        <v>0</v>
      </c>
      <c r="K41" s="52">
        <v>0</v>
      </c>
      <c r="L41" s="52">
        <v>0</v>
      </c>
      <c r="M41" s="52">
        <v>0</v>
      </c>
      <c r="N41" s="52">
        <v>0</v>
      </c>
      <c r="O41" s="52">
        <v>0</v>
      </c>
      <c r="P41" s="52">
        <v>0</v>
      </c>
      <c r="Q41" s="52">
        <v>0</v>
      </c>
      <c r="R41" s="52">
        <v>0</v>
      </c>
      <c r="S41" s="52">
        <v>0</v>
      </c>
      <c r="T41" s="52">
        <v>0</v>
      </c>
      <c r="U41" s="52">
        <v>0</v>
      </c>
      <c r="V41" s="52">
        <v>2544.0533333333337</v>
      </c>
    </row>
    <row r="42" spans="1:22">
      <c r="A42" s="45" t="s">
        <v>80</v>
      </c>
      <c r="B42" s="45"/>
      <c r="C42" s="53">
        <v>0</v>
      </c>
      <c r="D42" s="53">
        <v>0</v>
      </c>
      <c r="E42" s="53">
        <v>0</v>
      </c>
      <c r="F42" s="53">
        <v>0</v>
      </c>
      <c r="G42" s="53">
        <v>0</v>
      </c>
      <c r="H42" s="53">
        <v>0</v>
      </c>
      <c r="I42" s="53">
        <v>0</v>
      </c>
      <c r="J42" s="53">
        <v>0</v>
      </c>
      <c r="K42" s="53">
        <v>0</v>
      </c>
      <c r="L42" s="53">
        <v>0</v>
      </c>
      <c r="M42" s="53">
        <v>0</v>
      </c>
      <c r="N42" s="53">
        <v>0</v>
      </c>
      <c r="O42" s="53">
        <v>0</v>
      </c>
      <c r="P42" s="53">
        <v>0</v>
      </c>
      <c r="Q42" s="53">
        <v>0</v>
      </c>
      <c r="R42" s="53">
        <v>0</v>
      </c>
      <c r="S42" s="53">
        <v>0</v>
      </c>
      <c r="T42" s="53">
        <v>0</v>
      </c>
      <c r="U42" s="53">
        <v>0</v>
      </c>
      <c r="V42" s="53">
        <v>0</v>
      </c>
    </row>
    <row r="43" spans="1:22">
      <c r="A43" s="51" t="s">
        <v>81</v>
      </c>
      <c r="B43" s="51"/>
      <c r="C43" s="51">
        <v>0</v>
      </c>
      <c r="D43" s="51">
        <v>0</v>
      </c>
      <c r="E43" s="51">
        <v>0</v>
      </c>
      <c r="F43" s="51">
        <v>0</v>
      </c>
      <c r="G43" s="51">
        <v>0</v>
      </c>
      <c r="H43" s="51">
        <v>0</v>
      </c>
      <c r="I43" s="51">
        <v>0</v>
      </c>
      <c r="J43" s="51">
        <v>0</v>
      </c>
      <c r="K43" s="51">
        <v>0</v>
      </c>
      <c r="L43" s="52">
        <v>0</v>
      </c>
      <c r="M43" s="51">
        <v>0</v>
      </c>
      <c r="N43" s="51">
        <v>0</v>
      </c>
      <c r="O43" s="51">
        <v>0</v>
      </c>
      <c r="P43" s="51">
        <v>0</v>
      </c>
      <c r="Q43" s="51">
        <v>0</v>
      </c>
      <c r="R43" s="51">
        <v>0</v>
      </c>
      <c r="S43" s="51">
        <v>0</v>
      </c>
      <c r="T43" s="51">
        <v>0</v>
      </c>
      <c r="U43" s="51">
        <v>0</v>
      </c>
      <c r="V43" s="51">
        <v>2544.0533333333337</v>
      </c>
    </row>
    <row r="44" spans="1:22">
      <c r="A44" s="45"/>
      <c r="B44" s="45"/>
      <c r="C44" s="45"/>
      <c r="D44" s="45"/>
      <c r="E44" s="45"/>
      <c r="F44" s="45"/>
      <c r="G44" s="45"/>
      <c r="H44" s="45"/>
      <c r="I44" s="45"/>
      <c r="J44" s="45"/>
      <c r="K44" s="45"/>
      <c r="L44" s="45"/>
      <c r="M44" s="45"/>
      <c r="N44" s="45"/>
      <c r="O44" s="45"/>
      <c r="P44" s="45"/>
      <c r="Q44" s="45"/>
      <c r="R44" s="45"/>
      <c r="S44" s="45"/>
      <c r="T44" s="45"/>
      <c r="U44" s="45"/>
      <c r="V44" s="45"/>
    </row>
    <row r="45" spans="1:22">
      <c r="A45" s="59" t="s">
        <v>82</v>
      </c>
      <c r="B45" s="60">
        <v>-247101.31990271993</v>
      </c>
      <c r="C45" s="60">
        <v>209250.56615526846</v>
      </c>
      <c r="D45" s="60">
        <v>175175.4819452684</v>
      </c>
      <c r="E45" s="60">
        <v>234971.69607006837</v>
      </c>
      <c r="F45" s="60">
        <v>287321.82707006851</v>
      </c>
      <c r="G45" s="60">
        <v>298524.6270700685</v>
      </c>
      <c r="H45" s="60">
        <v>290810.64968486852</v>
      </c>
      <c r="I45" s="60">
        <v>282455.41029486852</v>
      </c>
      <c r="J45" s="60">
        <v>277853.37507006852</v>
      </c>
      <c r="K45" s="60">
        <v>277091.58467006852</v>
      </c>
      <c r="L45" s="60">
        <v>225831.58467006852</v>
      </c>
      <c r="M45" s="60">
        <v>210746.56615526846</v>
      </c>
      <c r="N45" s="60">
        <v>-6428558.8710247958</v>
      </c>
      <c r="O45" s="60">
        <v>353190.3078752046</v>
      </c>
      <c r="P45" s="60">
        <v>402261.69647520484</v>
      </c>
      <c r="Q45" s="60">
        <v>413464.49647520483</v>
      </c>
      <c r="R45" s="60">
        <v>413464.49647520483</v>
      </c>
      <c r="S45" s="60">
        <v>413464.49647520483</v>
      </c>
      <c r="T45" s="60">
        <v>413464.49647520483</v>
      </c>
      <c r="U45" s="60">
        <v>413464.49647520483</v>
      </c>
      <c r="V45" s="60">
        <v>490519.4278462581</v>
      </c>
    </row>
    <row r="46" spans="1:22">
      <c r="A46" s="45"/>
      <c r="B46" s="45"/>
      <c r="C46" s="84"/>
      <c r="D46" s="84"/>
      <c r="E46" s="84"/>
      <c r="F46" s="84"/>
      <c r="G46" s="84"/>
      <c r="H46" s="84"/>
      <c r="I46" s="84"/>
      <c r="J46" s="84"/>
      <c r="K46" s="84"/>
      <c r="L46" s="84"/>
      <c r="M46" s="45"/>
      <c r="N46" s="45"/>
      <c r="O46" s="45"/>
      <c r="P46" s="45"/>
      <c r="Q46" s="45"/>
      <c r="R46" s="45"/>
      <c r="S46" s="45"/>
      <c r="T46" s="45"/>
      <c r="U46" s="45"/>
      <c r="V46" s="45"/>
    </row>
    <row r="47" spans="1:22">
      <c r="A47" s="39"/>
      <c r="B47" s="48"/>
      <c r="C47" s="45"/>
      <c r="D47" s="45"/>
      <c r="E47" s="45"/>
      <c r="F47" s="45"/>
      <c r="G47" s="45"/>
      <c r="H47" s="45"/>
      <c r="I47" s="45"/>
      <c r="J47" s="45"/>
      <c r="K47" s="45"/>
      <c r="L47" s="45"/>
      <c r="M47" s="45"/>
      <c r="N47" s="45"/>
      <c r="O47" s="45"/>
      <c r="P47" s="45"/>
      <c r="Q47" s="45"/>
      <c r="R47" s="45"/>
      <c r="S47" s="45"/>
      <c r="T47" s="45"/>
      <c r="U47" s="45"/>
      <c r="V47" s="45"/>
    </row>
    <row r="48" spans="1:22">
      <c r="A48" s="45"/>
      <c r="B48" s="53"/>
      <c r="C48" s="53"/>
      <c r="D48" s="53"/>
      <c r="E48" s="53"/>
      <c r="F48" s="53"/>
      <c r="G48" s="53"/>
      <c r="H48" s="53"/>
      <c r="I48" s="53"/>
      <c r="J48" s="53"/>
      <c r="K48" s="53"/>
      <c r="L48" s="53"/>
      <c r="M48" s="53"/>
      <c r="N48" s="53"/>
      <c r="O48" s="53"/>
      <c r="P48" s="53"/>
      <c r="Q48" s="53"/>
      <c r="R48" s="53"/>
      <c r="S48" s="53"/>
      <c r="T48" s="53"/>
      <c r="U48" s="53"/>
      <c r="V48" s="53"/>
    </row>
    <row r="49" spans="1:23" ht="12" thickBot="1"/>
    <row r="50" spans="1:23" ht="16.5" thickBot="1">
      <c r="A50" s="184" t="s">
        <v>57</v>
      </c>
      <c r="B50" s="185">
        <v>9.8500000000000004E-2</v>
      </c>
      <c r="C50" s="62"/>
      <c r="D50" s="45"/>
      <c r="E50" s="45"/>
      <c r="F50" s="45"/>
      <c r="G50" s="45"/>
      <c r="H50" s="48"/>
      <c r="I50" s="45"/>
      <c r="J50" s="45"/>
      <c r="K50" s="45"/>
      <c r="L50" s="45"/>
      <c r="M50" s="45"/>
      <c r="N50" s="45"/>
      <c r="O50" s="45"/>
      <c r="P50" s="45"/>
      <c r="Q50" s="45"/>
      <c r="R50" s="45"/>
      <c r="S50" s="45"/>
      <c r="T50" s="45"/>
      <c r="U50" s="45"/>
      <c r="V50" s="45"/>
    </row>
    <row r="51" spans="1:23">
      <c r="A51" s="45"/>
      <c r="B51" s="62"/>
      <c r="C51" s="45"/>
      <c r="D51" s="45"/>
      <c r="E51" s="45"/>
      <c r="F51" s="45"/>
      <c r="G51" s="45"/>
      <c r="H51" s="53"/>
      <c r="I51" s="45"/>
      <c r="J51" s="45"/>
      <c r="K51" s="45"/>
      <c r="L51" s="45"/>
      <c r="M51" s="84"/>
      <c r="N51" s="45"/>
      <c r="O51" s="45"/>
      <c r="P51" s="45"/>
      <c r="Q51" s="45"/>
      <c r="R51" s="45"/>
      <c r="S51" s="45"/>
      <c r="T51" s="45"/>
      <c r="U51" s="45"/>
      <c r="V51" s="45"/>
    </row>
    <row r="52" spans="1:23">
      <c r="A52" s="45"/>
      <c r="B52" s="62"/>
      <c r="C52" s="45"/>
      <c r="D52" s="45"/>
      <c r="E52" s="45"/>
      <c r="F52" s="45"/>
      <c r="G52" s="45"/>
      <c r="H52" s="48"/>
      <c r="I52" s="45"/>
      <c r="J52" s="45"/>
      <c r="K52" s="45"/>
      <c r="L52" s="45"/>
      <c r="M52" s="45"/>
      <c r="N52" s="45"/>
      <c r="O52" s="45"/>
      <c r="P52" s="45"/>
      <c r="Q52" s="45"/>
      <c r="R52" s="45"/>
      <c r="S52" s="45"/>
      <c r="T52" s="45"/>
      <c r="U52" s="45"/>
      <c r="V52" s="45"/>
    </row>
    <row r="53" spans="1:23">
      <c r="A53" s="45"/>
      <c r="B53" s="45"/>
      <c r="C53" s="45"/>
      <c r="D53" s="45"/>
      <c r="E53" s="45"/>
      <c r="F53" s="45"/>
      <c r="G53" s="45"/>
      <c r="H53" s="45"/>
      <c r="I53" s="45"/>
      <c r="J53" s="45"/>
      <c r="K53" s="45"/>
      <c r="L53" s="45"/>
      <c r="M53" s="45"/>
      <c r="N53" s="45"/>
      <c r="O53" s="45"/>
      <c r="P53" s="45"/>
      <c r="Q53" s="45"/>
      <c r="R53" s="45"/>
      <c r="S53" s="45"/>
      <c r="T53" s="45"/>
      <c r="U53" s="45"/>
      <c r="V53" s="45"/>
    </row>
    <row r="54" spans="1:23" ht="18">
      <c r="A54" s="183" t="s">
        <v>155</v>
      </c>
      <c r="B54" s="45"/>
      <c r="C54" s="45"/>
      <c r="D54" s="45"/>
      <c r="E54" s="45"/>
      <c r="F54" s="45"/>
      <c r="G54" s="45"/>
      <c r="H54" s="45"/>
      <c r="I54" s="45"/>
      <c r="J54" s="45"/>
      <c r="K54" s="45"/>
      <c r="L54" s="45"/>
      <c r="M54" s="45"/>
      <c r="N54" s="45"/>
      <c r="O54" s="45"/>
      <c r="P54" s="45"/>
      <c r="Q54" s="45"/>
      <c r="R54" s="45"/>
      <c r="S54" s="45"/>
      <c r="T54" s="45"/>
      <c r="U54" s="45"/>
      <c r="V54" s="45"/>
    </row>
    <row r="55" spans="1:23">
      <c r="A55" s="64" t="s">
        <v>83</v>
      </c>
      <c r="B55" s="65"/>
      <c r="C55" s="66">
        <v>35055.865828333335</v>
      </c>
      <c r="D55" s="67">
        <v>59630.09932833333</v>
      </c>
      <c r="E55" s="67">
        <v>73165.497048333331</v>
      </c>
      <c r="F55" s="67">
        <v>75406.057048333329</v>
      </c>
      <c r="G55" s="67">
        <v>75406.057048333329</v>
      </c>
      <c r="H55" s="67">
        <v>52717.888268333336</v>
      </c>
      <c r="I55" s="67">
        <v>28143.654768333334</v>
      </c>
      <c r="J55" s="67">
        <v>14608.257048333333</v>
      </c>
      <c r="K55" s="67">
        <v>12367.697048333333</v>
      </c>
      <c r="L55" s="67">
        <v>23367.697048333335</v>
      </c>
      <c r="M55" s="67">
        <v>39455.865828333335</v>
      </c>
      <c r="N55" s="67">
        <v>799168.70461333334</v>
      </c>
      <c r="O55" s="67">
        <v>812704.10233333334</v>
      </c>
      <c r="P55" s="68">
        <v>814944.66233333328</v>
      </c>
      <c r="Q55" s="68">
        <v>803944.66233333328</v>
      </c>
      <c r="R55" s="68">
        <v>787856.49355333333</v>
      </c>
      <c r="S55" s="68">
        <v>763282.26005333324</v>
      </c>
      <c r="T55" s="68">
        <v>749746.86233333335</v>
      </c>
      <c r="U55" s="68">
        <v>747506.3023333333</v>
      </c>
      <c r="V55" s="68">
        <v>747506.3023333333</v>
      </c>
      <c r="W55" s="68">
        <v>0</v>
      </c>
    </row>
    <row r="56" spans="1:23">
      <c r="A56" s="69" t="s">
        <v>84</v>
      </c>
      <c r="B56" s="70"/>
      <c r="C56" s="72">
        <v>12256.394715</v>
      </c>
      <c r="D56" s="72">
        <v>12256.394715</v>
      </c>
      <c r="E56" s="72">
        <v>12256.394715</v>
      </c>
      <c r="F56" s="72">
        <v>12256.394715</v>
      </c>
      <c r="G56" s="72">
        <v>12256.394715</v>
      </c>
      <c r="H56" s="72">
        <v>12256.394715</v>
      </c>
      <c r="I56" s="72">
        <v>12256.394715</v>
      </c>
      <c r="J56" s="72">
        <v>12256.394715</v>
      </c>
      <c r="K56" s="72">
        <v>12256.394715</v>
      </c>
      <c r="L56" s="72">
        <v>12256.394715</v>
      </c>
      <c r="M56" s="72">
        <v>12256.394715</v>
      </c>
      <c r="N56" s="72">
        <v>747395</v>
      </c>
      <c r="O56" s="72">
        <v>747395</v>
      </c>
      <c r="P56" s="72">
        <v>747395</v>
      </c>
      <c r="Q56" s="72">
        <v>747395</v>
      </c>
      <c r="R56" s="72">
        <v>747395</v>
      </c>
      <c r="S56" s="72">
        <v>747395</v>
      </c>
      <c r="T56" s="72">
        <v>747395</v>
      </c>
      <c r="U56" s="72">
        <v>747395</v>
      </c>
      <c r="V56" s="73">
        <v>747395</v>
      </c>
    </row>
    <row r="57" spans="1:23">
      <c r="A57" s="74" t="s">
        <v>85</v>
      </c>
      <c r="B57" s="45"/>
      <c r="C57" s="48">
        <v>111.30233333333334</v>
      </c>
      <c r="D57" s="48">
        <v>111.30233333333334</v>
      </c>
      <c r="E57" s="48">
        <v>111.30233333333334</v>
      </c>
      <c r="F57" s="48">
        <v>111.30233333333334</v>
      </c>
      <c r="G57" s="48">
        <v>111.30233333333334</v>
      </c>
      <c r="H57" s="48">
        <v>111.30233333333334</v>
      </c>
      <c r="I57" s="48">
        <v>111.30233333333334</v>
      </c>
      <c r="J57" s="48">
        <v>111.30233333333334</v>
      </c>
      <c r="K57" s="48">
        <v>111.30233333333334</v>
      </c>
      <c r="L57" s="48">
        <v>111.30233333333334</v>
      </c>
      <c r="M57" s="48">
        <v>111.30233333333334</v>
      </c>
      <c r="N57" s="48">
        <v>111.30233333333334</v>
      </c>
      <c r="O57" s="48">
        <v>111.30233333333334</v>
      </c>
      <c r="P57" s="48">
        <v>111.30233333333334</v>
      </c>
      <c r="Q57" s="48">
        <v>111.30233333333334</v>
      </c>
      <c r="R57" s="48">
        <v>111.30233333333334</v>
      </c>
      <c r="S57" s="48">
        <v>111.30233333333334</v>
      </c>
      <c r="T57" s="48">
        <v>111.30233333333334</v>
      </c>
      <c r="U57" s="48">
        <v>111.30233333333334</v>
      </c>
      <c r="V57" s="48">
        <v>111.30233333333334</v>
      </c>
    </row>
    <row r="58" spans="1:23">
      <c r="A58" s="77" t="s">
        <v>86</v>
      </c>
      <c r="B58" s="78"/>
      <c r="C58" s="80">
        <v>22688.16878</v>
      </c>
      <c r="D58" s="80">
        <v>47262.402279999995</v>
      </c>
      <c r="E58" s="80">
        <v>60797.799999999996</v>
      </c>
      <c r="F58" s="80">
        <v>63038.359999999993</v>
      </c>
      <c r="G58" s="80">
        <v>63038.359999999993</v>
      </c>
      <c r="H58" s="80">
        <v>40350.191220000001</v>
      </c>
      <c r="I58" s="80">
        <v>15775.957720000002</v>
      </c>
      <c r="J58" s="80">
        <v>2240.56</v>
      </c>
      <c r="K58" s="80">
        <v>0</v>
      </c>
      <c r="L58" s="80">
        <v>11000</v>
      </c>
      <c r="M58" s="80">
        <v>27088.16878</v>
      </c>
      <c r="N58" s="80">
        <v>51662.402279999995</v>
      </c>
      <c r="O58" s="80">
        <v>65197.8</v>
      </c>
      <c r="P58" s="80">
        <v>67438.36</v>
      </c>
      <c r="Q58" s="80">
        <v>56438.36</v>
      </c>
      <c r="R58" s="80">
        <v>40350.191220000001</v>
      </c>
      <c r="S58" s="80">
        <v>15775.957720000002</v>
      </c>
      <c r="T58" s="80">
        <v>2240.56</v>
      </c>
      <c r="U58" s="80">
        <v>0</v>
      </c>
      <c r="V58" s="81">
        <v>0</v>
      </c>
    </row>
    <row r="88" spans="11:11" ht="12.75">
      <c r="K88" s="172" t="s">
        <v>166</v>
      </c>
    </row>
  </sheetData>
  <pageMargins left="0.28000000000000003" right="0.51181102362204722" top="0.34" bottom="0.78740157480314965" header="0.31496062992125984" footer="0.31496062992125984"/>
  <pageSetup paperSize="9" scale="49" orientation="landscape" r:id="rId1"/>
  <drawing r:id="rId2"/>
</worksheet>
</file>

<file path=xl/worksheets/sheet14.xml><?xml version="1.0" encoding="utf-8"?>
<worksheet xmlns="http://schemas.openxmlformats.org/spreadsheetml/2006/main" xmlns:r="http://schemas.openxmlformats.org/officeDocument/2006/relationships">
  <sheetPr codeName="Plan23"/>
  <dimension ref="A1:W88"/>
  <sheetViews>
    <sheetView view="pageBreakPreview" topLeftCell="A43" zoomScale="80" zoomScaleNormal="100" zoomScaleSheetLayoutView="80" workbookViewId="0">
      <selection activeCell="K89" sqref="K89"/>
    </sheetView>
  </sheetViews>
  <sheetFormatPr defaultRowHeight="11.25"/>
  <cols>
    <col min="1" max="1" width="34.85546875" style="2" customWidth="1"/>
    <col min="2" max="2" width="11" style="2" bestFit="1" customWidth="1"/>
    <col min="3" max="3" width="11.42578125" style="2" bestFit="1" customWidth="1"/>
    <col min="4" max="22" width="10.5703125" style="2" customWidth="1"/>
    <col min="23" max="23" width="9.140625" style="2"/>
    <col min="24" max="25" width="9.140625" style="2" customWidth="1"/>
    <col min="26" max="16384" width="9.140625" style="2"/>
  </cols>
  <sheetData>
    <row r="1" spans="1:22" ht="18">
      <c r="A1" s="165" t="s">
        <v>140</v>
      </c>
    </row>
    <row r="4" spans="1:22" ht="18">
      <c r="A4" s="165" t="s">
        <v>152</v>
      </c>
    </row>
    <row r="5" spans="1:22" ht="15.75">
      <c r="A5" s="173" t="s">
        <v>161</v>
      </c>
    </row>
    <row r="6" spans="1:22" ht="15.75">
      <c r="A6" s="173" t="s">
        <v>153</v>
      </c>
    </row>
    <row r="7" spans="1:22" ht="12.75">
      <c r="A7" s="174" t="s">
        <v>56</v>
      </c>
      <c r="B7" s="175"/>
      <c r="C7" s="176">
        <v>10</v>
      </c>
    </row>
    <row r="8" spans="1:22" ht="12.75">
      <c r="A8" s="177" t="s">
        <v>58</v>
      </c>
      <c r="B8" s="178"/>
      <c r="C8" s="187">
        <v>52317.099590668178</v>
      </c>
    </row>
    <row r="9" spans="1:22" ht="12.75">
      <c r="A9" s="180"/>
      <c r="B9" s="180"/>
      <c r="C9" s="121"/>
    </row>
    <row r="10" spans="1:22" ht="12.75">
      <c r="A10" s="174" t="s">
        <v>59</v>
      </c>
      <c r="B10" s="175"/>
      <c r="C10" s="181">
        <v>46931.211448279624</v>
      </c>
    </row>
    <row r="11" spans="1:22" ht="12.75">
      <c r="A11" s="174" t="s">
        <v>60</v>
      </c>
      <c r="B11" s="175"/>
      <c r="C11" s="181">
        <v>15182.703011999998</v>
      </c>
    </row>
    <row r="12" spans="1:22" ht="12.75">
      <c r="A12" s="174" t="s">
        <v>61</v>
      </c>
      <c r="B12" s="175"/>
      <c r="C12" s="182">
        <v>31748.508436279626</v>
      </c>
    </row>
    <row r="13" spans="1:22" ht="12.75">
      <c r="A13" s="174" t="s">
        <v>62</v>
      </c>
      <c r="B13" s="175"/>
      <c r="C13" s="181">
        <v>0</v>
      </c>
    </row>
    <row r="14" spans="1:22">
      <c r="A14" s="45"/>
      <c r="B14" s="45"/>
      <c r="C14" s="48"/>
    </row>
    <row r="15" spans="1:22" ht="18">
      <c r="A15" s="183" t="s">
        <v>154</v>
      </c>
      <c r="C15" s="48"/>
      <c r="D15" s="27"/>
      <c r="V15" s="49" t="s">
        <v>63</v>
      </c>
    </row>
    <row r="16" spans="1:22">
      <c r="A16" s="50"/>
      <c r="B16" s="50" t="s">
        <v>2</v>
      </c>
      <c r="C16" s="50" t="s">
        <v>3</v>
      </c>
      <c r="D16" s="50" t="s">
        <v>4</v>
      </c>
      <c r="E16" s="50" t="s">
        <v>5</v>
      </c>
      <c r="F16" s="50" t="s">
        <v>6</v>
      </c>
      <c r="G16" s="50" t="s">
        <v>7</v>
      </c>
      <c r="H16" s="50" t="s">
        <v>8</v>
      </c>
      <c r="I16" s="50" t="s">
        <v>9</v>
      </c>
      <c r="J16" s="50" t="s">
        <v>10</v>
      </c>
      <c r="K16" s="50" t="s">
        <v>11</v>
      </c>
      <c r="L16" s="50" t="s">
        <v>12</v>
      </c>
      <c r="M16" s="50" t="s">
        <v>13</v>
      </c>
      <c r="N16" s="50" t="s">
        <v>14</v>
      </c>
      <c r="O16" s="50" t="s">
        <v>15</v>
      </c>
      <c r="P16" s="50" t="s">
        <v>16</v>
      </c>
      <c r="Q16" s="50" t="s">
        <v>17</v>
      </c>
      <c r="R16" s="50" t="s">
        <v>18</v>
      </c>
      <c r="S16" s="50" t="s">
        <v>19</v>
      </c>
      <c r="T16" s="50" t="s">
        <v>20</v>
      </c>
      <c r="U16" s="50" t="s">
        <v>21</v>
      </c>
      <c r="V16" s="50" t="s">
        <v>22</v>
      </c>
    </row>
    <row r="17" spans="1:23">
      <c r="A17" s="45" t="s">
        <v>64</v>
      </c>
      <c r="B17" s="45"/>
      <c r="C17" s="48">
        <v>6278051.950880181</v>
      </c>
      <c r="D17" s="48">
        <v>6278051.950880181</v>
      </c>
      <c r="E17" s="48">
        <v>6278051.950880181</v>
      </c>
      <c r="F17" s="48">
        <v>6278051.950880181</v>
      </c>
      <c r="G17" s="48">
        <v>6278051.950880181</v>
      </c>
      <c r="H17" s="48">
        <v>6278051.950880181</v>
      </c>
      <c r="I17" s="48">
        <v>6278051.950880181</v>
      </c>
      <c r="J17" s="48">
        <v>6278051.950880181</v>
      </c>
      <c r="K17" s="48">
        <v>6278051.950880181</v>
      </c>
      <c r="L17" s="48">
        <v>6278051.950880181</v>
      </c>
      <c r="M17" s="48">
        <v>6278051.950880181</v>
      </c>
      <c r="N17" s="48">
        <v>6278051.950880181</v>
      </c>
      <c r="O17" s="48">
        <v>6278051.950880181</v>
      </c>
      <c r="P17" s="48">
        <v>6278051.950880181</v>
      </c>
      <c r="Q17" s="48">
        <v>6278051.950880181</v>
      </c>
      <c r="R17" s="48">
        <v>6278051.950880181</v>
      </c>
      <c r="S17" s="48">
        <v>6278051.950880181</v>
      </c>
      <c r="T17" s="48">
        <v>6278051.950880181</v>
      </c>
      <c r="U17" s="48">
        <v>6278051.950880181</v>
      </c>
      <c r="V17" s="48">
        <v>6278051.950880181</v>
      </c>
    </row>
    <row r="18" spans="1:23">
      <c r="A18" s="51" t="s">
        <v>65</v>
      </c>
      <c r="B18" s="51"/>
      <c r="C18" s="52">
        <v>125561.03901760362</v>
      </c>
      <c r="D18" s="52">
        <v>125561.03901760362</v>
      </c>
      <c r="E18" s="52">
        <v>125561.03901760362</v>
      </c>
      <c r="F18" s="52">
        <v>125561.03901760362</v>
      </c>
      <c r="G18" s="52">
        <v>125561.03901760362</v>
      </c>
      <c r="H18" s="52">
        <v>125561.03901760362</v>
      </c>
      <c r="I18" s="52">
        <v>125561.03901760362</v>
      </c>
      <c r="J18" s="52">
        <v>125561.03901760362</v>
      </c>
      <c r="K18" s="52">
        <v>125561.03901760362</v>
      </c>
      <c r="L18" s="52">
        <v>125561.03901760362</v>
      </c>
      <c r="M18" s="52">
        <v>125561.03901760362</v>
      </c>
      <c r="N18" s="52">
        <v>125561.03901760362</v>
      </c>
      <c r="O18" s="52">
        <v>125561.03901760362</v>
      </c>
      <c r="P18" s="52">
        <v>125561.03901760362</v>
      </c>
      <c r="Q18" s="52">
        <v>125561.03901760362</v>
      </c>
      <c r="R18" s="52">
        <v>125561.03901760362</v>
      </c>
      <c r="S18" s="52">
        <v>125561.03901760362</v>
      </c>
      <c r="T18" s="52">
        <v>125561.03901760362</v>
      </c>
      <c r="U18" s="52">
        <v>125561.03901760362</v>
      </c>
      <c r="V18" s="52">
        <v>125561.03901760362</v>
      </c>
    </row>
    <row r="19" spans="1:23">
      <c r="A19" s="45" t="s">
        <v>66</v>
      </c>
      <c r="B19" s="45"/>
      <c r="C19" s="53">
        <v>6152490.9118625773</v>
      </c>
      <c r="D19" s="53">
        <v>6152490.9118625773</v>
      </c>
      <c r="E19" s="53">
        <v>6152490.9118625773</v>
      </c>
      <c r="F19" s="53">
        <v>6152490.9118625773</v>
      </c>
      <c r="G19" s="53">
        <v>6152490.9118625773</v>
      </c>
      <c r="H19" s="53">
        <v>6152490.9118625773</v>
      </c>
      <c r="I19" s="53">
        <v>6152490.9118625773</v>
      </c>
      <c r="J19" s="53">
        <v>6152490.9118625773</v>
      </c>
      <c r="K19" s="53">
        <v>6152490.9118625773</v>
      </c>
      <c r="L19" s="53">
        <v>6152490.9118625773</v>
      </c>
      <c r="M19" s="53">
        <v>6152490.9118625773</v>
      </c>
      <c r="N19" s="53">
        <v>6152490.9118625773</v>
      </c>
      <c r="O19" s="53">
        <v>6152490.9118625773</v>
      </c>
      <c r="P19" s="53">
        <v>6152490.9118625773</v>
      </c>
      <c r="Q19" s="53">
        <v>6152490.9118625773</v>
      </c>
      <c r="R19" s="53">
        <v>6152490.9118625773</v>
      </c>
      <c r="S19" s="53">
        <v>6152490.9118625773</v>
      </c>
      <c r="T19" s="53">
        <v>6152490.9118625773</v>
      </c>
      <c r="U19" s="53">
        <v>6152490.9118625773</v>
      </c>
      <c r="V19" s="53">
        <v>6152490.9118625773</v>
      </c>
    </row>
    <row r="20" spans="1:23">
      <c r="A20" s="45"/>
      <c r="B20" s="45"/>
      <c r="C20" s="45"/>
      <c r="D20" s="45"/>
      <c r="E20" s="45"/>
      <c r="F20" s="45"/>
      <c r="G20" s="45"/>
      <c r="H20" s="45"/>
      <c r="I20" s="45"/>
      <c r="J20" s="45"/>
      <c r="K20" s="45"/>
      <c r="L20" s="45"/>
      <c r="M20" s="45"/>
      <c r="N20" s="45"/>
      <c r="O20" s="45"/>
      <c r="P20" s="45"/>
      <c r="Q20" s="45"/>
      <c r="R20" s="45"/>
      <c r="S20" s="45"/>
      <c r="T20" s="45"/>
      <c r="U20" s="45"/>
      <c r="V20" s="45"/>
    </row>
    <row r="21" spans="1:23">
      <c r="A21" s="51" t="s">
        <v>67</v>
      </c>
      <c r="B21" s="51"/>
      <c r="C21" s="52">
        <v>5638748.5737935547</v>
      </c>
      <c r="D21" s="52">
        <v>5638748.5737935547</v>
      </c>
      <c r="E21" s="52">
        <v>5638748.5737935547</v>
      </c>
      <c r="F21" s="52">
        <v>5646151.3737935545</v>
      </c>
      <c r="G21" s="52">
        <v>5646151.3737935545</v>
      </c>
      <c r="H21" s="52">
        <v>5646151.3737935545</v>
      </c>
      <c r="I21" s="52">
        <v>5646151.3737935545</v>
      </c>
      <c r="J21" s="52">
        <v>5646151.3737935545</v>
      </c>
      <c r="K21" s="52">
        <v>5646151.3737935545</v>
      </c>
      <c r="L21" s="52">
        <v>5646151.3737935545</v>
      </c>
      <c r="M21" s="54">
        <v>5638748.5737935547</v>
      </c>
      <c r="N21" s="54">
        <v>5638748.5737935547</v>
      </c>
      <c r="O21" s="54">
        <v>5638748.5737935547</v>
      </c>
      <c r="P21" s="54">
        <v>5646151.3737935545</v>
      </c>
      <c r="Q21" s="54">
        <v>5646151.3737935545</v>
      </c>
      <c r="R21" s="54">
        <v>5646151.3737935545</v>
      </c>
      <c r="S21" s="54">
        <v>5646151.3737935545</v>
      </c>
      <c r="T21" s="54">
        <v>5646151.3737935545</v>
      </c>
      <c r="U21" s="54">
        <v>5646151.3737935545</v>
      </c>
      <c r="V21" s="54">
        <v>5646151.3737935545</v>
      </c>
    </row>
    <row r="22" spans="1:23">
      <c r="A22" s="45"/>
      <c r="B22" s="45"/>
      <c r="C22" s="45"/>
      <c r="D22" s="45"/>
      <c r="E22" s="45"/>
      <c r="F22" s="45"/>
      <c r="G22" s="45"/>
      <c r="H22" s="45"/>
      <c r="I22" s="45"/>
      <c r="J22" s="45"/>
      <c r="K22" s="45"/>
      <c r="L22" s="45"/>
      <c r="M22" s="45"/>
      <c r="N22" s="45"/>
      <c r="O22" s="45"/>
      <c r="P22" s="45"/>
      <c r="Q22" s="45"/>
      <c r="R22" s="45"/>
      <c r="S22" s="45"/>
      <c r="T22" s="45"/>
      <c r="U22" s="45"/>
      <c r="V22" s="45"/>
    </row>
    <row r="23" spans="1:23">
      <c r="A23" s="45" t="s">
        <v>68</v>
      </c>
      <c r="B23" s="45"/>
      <c r="C23" s="48">
        <v>29712.655513333331</v>
      </c>
      <c r="D23" s="48">
        <v>54286.889013333326</v>
      </c>
      <c r="E23" s="48">
        <v>67822.286733333327</v>
      </c>
      <c r="F23" s="48">
        <v>70062.846733333325</v>
      </c>
      <c r="G23" s="48">
        <v>70062.846733333325</v>
      </c>
      <c r="H23" s="48">
        <v>47374.677953333332</v>
      </c>
      <c r="I23" s="48">
        <v>22800.444453333334</v>
      </c>
      <c r="J23" s="48">
        <v>9265.0467333333327</v>
      </c>
      <c r="K23" s="48">
        <v>7024.4867333333323</v>
      </c>
      <c r="L23" s="48">
        <v>18024.486733333331</v>
      </c>
      <c r="M23" s="48">
        <v>34112.655513333331</v>
      </c>
      <c r="N23" s="48">
        <v>1019267.7046133333</v>
      </c>
      <c r="O23" s="48">
        <v>1032803.1023333333</v>
      </c>
      <c r="P23" s="48">
        <v>1035043.6623333333</v>
      </c>
      <c r="Q23" s="48">
        <v>1024043.6623333333</v>
      </c>
      <c r="R23" s="48">
        <v>1007955.4935533333</v>
      </c>
      <c r="S23" s="48">
        <v>983381.26005333324</v>
      </c>
      <c r="T23" s="48">
        <v>969845.86233333335</v>
      </c>
      <c r="U23" s="48">
        <v>967605.3023333333</v>
      </c>
      <c r="V23" s="48">
        <v>967605.3023333333</v>
      </c>
    </row>
    <row r="24" spans="1:23">
      <c r="A24" s="45"/>
      <c r="B24" s="45"/>
      <c r="C24" s="48"/>
      <c r="D24" s="48"/>
      <c r="E24" s="48"/>
      <c r="F24" s="48"/>
      <c r="G24" s="48"/>
      <c r="H24" s="48"/>
      <c r="I24" s="48"/>
      <c r="J24" s="48"/>
      <c r="K24" s="48"/>
      <c r="L24" s="48"/>
      <c r="M24" s="48"/>
      <c r="N24" s="48"/>
      <c r="O24" s="48"/>
      <c r="P24" s="48"/>
      <c r="Q24" s="48"/>
      <c r="R24" s="48"/>
      <c r="S24" s="48"/>
      <c r="T24" s="48"/>
      <c r="U24" s="48"/>
      <c r="V24" s="48"/>
      <c r="W24" s="38"/>
    </row>
    <row r="25" spans="1:23">
      <c r="A25" s="51" t="s">
        <v>69</v>
      </c>
      <c r="B25" s="51"/>
      <c r="C25" s="54">
        <v>484029.6825556893</v>
      </c>
      <c r="D25" s="54">
        <v>459455.44905568933</v>
      </c>
      <c r="E25" s="54">
        <v>445920.05133568932</v>
      </c>
      <c r="F25" s="54">
        <v>436276.69133568951</v>
      </c>
      <c r="G25" s="54">
        <v>436276.69133568951</v>
      </c>
      <c r="H25" s="54">
        <v>458964.86011568946</v>
      </c>
      <c r="I25" s="54">
        <v>483539.09361568949</v>
      </c>
      <c r="J25" s="54">
        <v>497074.4913356895</v>
      </c>
      <c r="K25" s="54">
        <v>499315.0513356895</v>
      </c>
      <c r="L25" s="54">
        <v>488315.0513356895</v>
      </c>
      <c r="M25" s="54">
        <v>479629.6825556893</v>
      </c>
      <c r="N25" s="54">
        <v>-505525.3665443107</v>
      </c>
      <c r="O25" s="54">
        <v>-519060.76426431071</v>
      </c>
      <c r="P25" s="54">
        <v>-528704.12426431046</v>
      </c>
      <c r="Q25" s="54">
        <v>-517704.12426431046</v>
      </c>
      <c r="R25" s="54">
        <v>-501615.95548431051</v>
      </c>
      <c r="S25" s="54">
        <v>-477041.72198431042</v>
      </c>
      <c r="T25" s="54">
        <v>-463506.32426431053</v>
      </c>
      <c r="U25" s="54">
        <v>-461265.76426431048</v>
      </c>
      <c r="V25" s="54">
        <v>-461265.76426431048</v>
      </c>
    </row>
    <row r="26" spans="1:23">
      <c r="A26" s="45"/>
      <c r="B26" s="45"/>
      <c r="C26" s="45"/>
      <c r="D26" s="45"/>
      <c r="E26" s="45"/>
      <c r="F26" s="45"/>
      <c r="G26" s="45"/>
      <c r="H26" s="45"/>
      <c r="I26" s="45"/>
      <c r="J26" s="45"/>
      <c r="K26" s="45"/>
      <c r="L26" s="45"/>
      <c r="M26" s="45"/>
      <c r="N26" s="45"/>
      <c r="O26" s="45"/>
      <c r="P26" s="45"/>
      <c r="Q26" s="45"/>
      <c r="R26" s="45"/>
      <c r="S26" s="45"/>
      <c r="T26" s="45"/>
      <c r="U26" s="45"/>
      <c r="V26" s="45"/>
    </row>
    <row r="27" spans="1:23">
      <c r="A27" s="45" t="s">
        <v>70</v>
      </c>
      <c r="B27" s="45"/>
      <c r="C27" s="48">
        <v>164570.09206893438</v>
      </c>
      <c r="D27" s="48">
        <v>156214.85267893437</v>
      </c>
      <c r="E27" s="48">
        <v>151612.81745413438</v>
      </c>
      <c r="F27" s="48">
        <v>148334.07505413445</v>
      </c>
      <c r="G27" s="48">
        <v>148334.07505413445</v>
      </c>
      <c r="H27" s="48">
        <v>156048.05243933442</v>
      </c>
      <c r="I27" s="48">
        <v>164403.29182933443</v>
      </c>
      <c r="J27" s="48">
        <v>169005.32705413445</v>
      </c>
      <c r="K27" s="48">
        <v>169767.11745413445</v>
      </c>
      <c r="L27" s="48">
        <v>166027.11745413445</v>
      </c>
      <c r="M27" s="48">
        <v>163074.09206893438</v>
      </c>
      <c r="N27" s="48">
        <v>0</v>
      </c>
      <c r="O27" s="48">
        <v>0</v>
      </c>
      <c r="P27" s="48">
        <v>0</v>
      </c>
      <c r="Q27" s="48">
        <v>0</v>
      </c>
      <c r="R27" s="48">
        <v>0</v>
      </c>
      <c r="S27" s="48">
        <v>0</v>
      </c>
      <c r="T27" s="48">
        <v>0</v>
      </c>
      <c r="U27" s="48">
        <v>0</v>
      </c>
      <c r="V27" s="48">
        <v>0</v>
      </c>
    </row>
    <row r="28" spans="1:23">
      <c r="A28" s="45"/>
      <c r="B28" s="45"/>
      <c r="C28" s="45"/>
      <c r="D28" s="45"/>
      <c r="E28" s="45"/>
      <c r="F28" s="45"/>
      <c r="G28" s="45"/>
      <c r="H28" s="45"/>
      <c r="I28" s="45"/>
      <c r="J28" s="45"/>
      <c r="K28" s="45"/>
      <c r="L28" s="45"/>
      <c r="M28" s="45"/>
      <c r="N28" s="45"/>
      <c r="O28" s="45"/>
      <c r="P28" s="45"/>
      <c r="Q28" s="45"/>
      <c r="R28" s="45"/>
      <c r="S28" s="45"/>
      <c r="T28" s="45"/>
      <c r="U28" s="45"/>
      <c r="V28" s="45"/>
    </row>
    <row r="29" spans="1:23">
      <c r="A29" s="51" t="s">
        <v>71</v>
      </c>
      <c r="B29" s="51"/>
      <c r="C29" s="54">
        <v>319459.5904867549</v>
      </c>
      <c r="D29" s="54">
        <v>303240.59637675493</v>
      </c>
      <c r="E29" s="54">
        <v>294307.23388155492</v>
      </c>
      <c r="F29" s="54">
        <v>287942.61628155503</v>
      </c>
      <c r="G29" s="54">
        <v>287942.61628155503</v>
      </c>
      <c r="H29" s="54">
        <v>302916.80767635501</v>
      </c>
      <c r="I29" s="54">
        <v>319135.80178635509</v>
      </c>
      <c r="J29" s="54">
        <v>328069.16428155504</v>
      </c>
      <c r="K29" s="54">
        <v>329547.93388155504</v>
      </c>
      <c r="L29" s="54">
        <v>322287.93388155504</v>
      </c>
      <c r="M29" s="54">
        <v>316555.5904867549</v>
      </c>
      <c r="N29" s="54">
        <v>-505525.3665443107</v>
      </c>
      <c r="O29" s="54">
        <v>-519060.76426431071</v>
      </c>
      <c r="P29" s="54">
        <v>-528704.12426431046</v>
      </c>
      <c r="Q29" s="54">
        <v>-517704.12426431046</v>
      </c>
      <c r="R29" s="54">
        <v>-501615.95548431051</v>
      </c>
      <c r="S29" s="54">
        <v>-477041.72198431042</v>
      </c>
      <c r="T29" s="54">
        <v>-463506.32426431053</v>
      </c>
      <c r="U29" s="54">
        <v>-461265.76426431048</v>
      </c>
      <c r="V29" s="54">
        <v>-461265.76426431048</v>
      </c>
    </row>
    <row r="30" spans="1:23">
      <c r="A30" s="45"/>
      <c r="B30" s="45"/>
      <c r="C30" s="45"/>
      <c r="D30" s="45"/>
      <c r="E30" s="45"/>
      <c r="F30" s="45"/>
      <c r="G30" s="45"/>
      <c r="H30" s="45"/>
      <c r="I30" s="45"/>
      <c r="J30" s="45"/>
      <c r="K30" s="45"/>
      <c r="L30" s="45"/>
      <c r="M30" s="45"/>
      <c r="N30" s="45"/>
      <c r="O30" s="45"/>
      <c r="P30" s="45"/>
      <c r="Q30" s="45"/>
      <c r="R30" s="45"/>
      <c r="S30" s="45"/>
      <c r="T30" s="45"/>
      <c r="U30" s="45"/>
      <c r="V30" s="45"/>
    </row>
    <row r="31" spans="1:23">
      <c r="A31" s="45" t="s">
        <v>72</v>
      </c>
      <c r="B31" s="45"/>
      <c r="C31" s="48">
        <v>29712.655513333331</v>
      </c>
      <c r="D31" s="48">
        <v>54286.889013333326</v>
      </c>
      <c r="E31" s="48">
        <v>67822.286733333327</v>
      </c>
      <c r="F31" s="48">
        <v>70062.846733333325</v>
      </c>
      <c r="G31" s="48">
        <v>70062.846733333325</v>
      </c>
      <c r="H31" s="48">
        <v>47374.677953333332</v>
      </c>
      <c r="I31" s="48">
        <v>22800.444453333334</v>
      </c>
      <c r="J31" s="48">
        <v>9265.0467333333327</v>
      </c>
      <c r="K31" s="48">
        <v>7024.4867333333323</v>
      </c>
      <c r="L31" s="48">
        <v>18024.486733333331</v>
      </c>
      <c r="M31" s="48">
        <v>34112.655513333331</v>
      </c>
      <c r="N31" s="48">
        <v>1019267.7046133333</v>
      </c>
      <c r="O31" s="48">
        <v>1032803.1023333333</v>
      </c>
      <c r="P31" s="48">
        <v>1035043.6623333333</v>
      </c>
      <c r="Q31" s="48">
        <v>1024043.6623333333</v>
      </c>
      <c r="R31" s="48">
        <v>1007955.4935533333</v>
      </c>
      <c r="S31" s="48">
        <v>983381.26005333324</v>
      </c>
      <c r="T31" s="48">
        <v>969845.86233333335</v>
      </c>
      <c r="U31" s="48">
        <v>967605.3023333333</v>
      </c>
      <c r="V31" s="48">
        <v>967605.3023333333</v>
      </c>
    </row>
    <row r="32" spans="1:23">
      <c r="A32" s="45"/>
      <c r="B32" s="45"/>
      <c r="C32" s="45"/>
      <c r="D32" s="45"/>
      <c r="E32" s="45"/>
      <c r="F32" s="45"/>
      <c r="G32" s="45"/>
      <c r="H32" s="45"/>
      <c r="I32" s="45"/>
      <c r="J32" s="45"/>
      <c r="K32" s="45"/>
      <c r="L32" s="45"/>
      <c r="M32" s="45"/>
      <c r="N32" s="45"/>
      <c r="O32" s="45"/>
      <c r="P32" s="45"/>
      <c r="Q32" s="45"/>
      <c r="R32" s="45"/>
      <c r="S32" s="45"/>
      <c r="T32" s="45"/>
      <c r="U32" s="45"/>
      <c r="V32" s="45"/>
    </row>
    <row r="33" spans="1:22">
      <c r="A33" s="51" t="s">
        <v>73</v>
      </c>
      <c r="B33" s="51"/>
      <c r="C33" s="54">
        <v>349172.24600008823</v>
      </c>
      <c r="D33" s="54">
        <v>357527.48539008823</v>
      </c>
      <c r="E33" s="54">
        <v>362129.52061488823</v>
      </c>
      <c r="F33" s="54">
        <v>358005.46301488834</v>
      </c>
      <c r="G33" s="54">
        <v>358005.46301488834</v>
      </c>
      <c r="H33" s="54">
        <v>350291.48562968837</v>
      </c>
      <c r="I33" s="54">
        <v>341936.24623968842</v>
      </c>
      <c r="J33" s="54">
        <v>337334.21101488837</v>
      </c>
      <c r="K33" s="54">
        <v>336572.42061488837</v>
      </c>
      <c r="L33" s="54">
        <v>340312.42061488837</v>
      </c>
      <c r="M33" s="54">
        <v>350668.24600008823</v>
      </c>
      <c r="N33" s="54">
        <v>513742.33806902263</v>
      </c>
      <c r="O33" s="54">
        <v>513742.33806902263</v>
      </c>
      <c r="P33" s="54">
        <v>506339.53806902282</v>
      </c>
      <c r="Q33" s="54">
        <v>506339.53806902282</v>
      </c>
      <c r="R33" s="54">
        <v>506339.53806902282</v>
      </c>
      <c r="S33" s="54">
        <v>506339.53806902282</v>
      </c>
      <c r="T33" s="54">
        <v>506339.53806902282</v>
      </c>
      <c r="U33" s="54">
        <v>506339.53806902282</v>
      </c>
      <c r="V33" s="54">
        <v>506339.53806902282</v>
      </c>
    </row>
    <row r="34" spans="1:22">
      <c r="A34" s="45"/>
      <c r="B34" s="45"/>
      <c r="C34" s="45"/>
      <c r="D34" s="45"/>
      <c r="E34" s="45"/>
      <c r="F34" s="45"/>
      <c r="G34" s="45"/>
      <c r="H34" s="45"/>
      <c r="I34" s="45"/>
      <c r="J34" s="45"/>
      <c r="K34" s="45"/>
      <c r="L34" s="45"/>
      <c r="M34" s="45"/>
      <c r="N34" s="45"/>
      <c r="O34" s="45"/>
      <c r="P34" s="45"/>
      <c r="Q34" s="45"/>
      <c r="R34" s="45"/>
      <c r="S34" s="45"/>
      <c r="T34" s="45"/>
      <c r="U34" s="45"/>
      <c r="V34" s="45"/>
    </row>
    <row r="35" spans="1:22">
      <c r="A35" s="45" t="s">
        <v>74</v>
      </c>
      <c r="B35" s="53">
        <v>191058.25954785693</v>
      </c>
      <c r="C35" s="53">
        <v>80440.843899999993</v>
      </c>
      <c r="D35" s="53">
        <v>122871.1675</v>
      </c>
      <c r="E35" s="53">
        <v>67676.988600000012</v>
      </c>
      <c r="F35" s="53">
        <v>11202.8</v>
      </c>
      <c r="G35" s="53">
        <v>0</v>
      </c>
      <c r="H35" s="53">
        <v>0</v>
      </c>
      <c r="I35" s="53">
        <v>0</v>
      </c>
      <c r="J35" s="53">
        <v>0</v>
      </c>
      <c r="K35" s="53">
        <v>0</v>
      </c>
      <c r="L35" s="53">
        <v>55000</v>
      </c>
      <c r="M35" s="53">
        <v>80440.843899999993</v>
      </c>
      <c r="N35" s="53">
        <v>8830317.1675000004</v>
      </c>
      <c r="O35" s="53">
        <v>67676.988600000012</v>
      </c>
      <c r="P35" s="53">
        <v>11202.8</v>
      </c>
      <c r="Q35" s="53">
        <v>0</v>
      </c>
      <c r="R35" s="53">
        <v>0</v>
      </c>
      <c r="S35" s="53">
        <v>0</v>
      </c>
      <c r="T35" s="53">
        <v>0</v>
      </c>
      <c r="U35" s="53">
        <v>0</v>
      </c>
      <c r="V35" s="53">
        <v>-77243.131147856911</v>
      </c>
    </row>
    <row r="36" spans="1:22">
      <c r="A36" s="55" t="s">
        <v>75</v>
      </c>
      <c r="B36" s="54">
        <v>76045.028399999996</v>
      </c>
      <c r="C36" s="54"/>
      <c r="D36" s="54"/>
      <c r="E36" s="54"/>
      <c r="F36" s="54"/>
      <c r="G36" s="54"/>
      <c r="H36" s="54"/>
      <c r="I36" s="54"/>
      <c r="J36" s="54"/>
      <c r="K36" s="54"/>
      <c r="L36" s="54"/>
      <c r="M36" s="54"/>
      <c r="N36" s="54">
        <v>8707446</v>
      </c>
      <c r="O36" s="54"/>
      <c r="P36" s="54"/>
      <c r="Q36" s="54"/>
      <c r="R36" s="54"/>
      <c r="S36" s="54"/>
      <c r="T36" s="54"/>
      <c r="U36" s="54"/>
      <c r="V36" s="54"/>
    </row>
    <row r="37" spans="1:22">
      <c r="A37" s="56" t="s">
        <v>76</v>
      </c>
      <c r="B37" s="48">
        <v>33000</v>
      </c>
      <c r="C37" s="48">
        <v>80440.843899999993</v>
      </c>
      <c r="D37" s="48">
        <v>122871.1675</v>
      </c>
      <c r="E37" s="48">
        <v>67676.988600000012</v>
      </c>
      <c r="F37" s="48">
        <v>11202.8</v>
      </c>
      <c r="G37" s="48">
        <v>0</v>
      </c>
      <c r="H37" s="48">
        <v>0</v>
      </c>
      <c r="I37" s="48">
        <v>0</v>
      </c>
      <c r="J37" s="48">
        <v>0</v>
      </c>
      <c r="K37" s="48">
        <v>0</v>
      </c>
      <c r="L37" s="48">
        <v>55000</v>
      </c>
      <c r="M37" s="48">
        <v>80440.843899999993</v>
      </c>
      <c r="N37" s="48">
        <v>122871.1675</v>
      </c>
      <c r="O37" s="48">
        <v>67676.988600000012</v>
      </c>
      <c r="P37" s="48">
        <v>11202.8</v>
      </c>
      <c r="Q37" s="48">
        <v>0</v>
      </c>
      <c r="R37" s="48">
        <v>0</v>
      </c>
      <c r="S37" s="48">
        <v>0</v>
      </c>
      <c r="T37" s="48">
        <v>0</v>
      </c>
      <c r="U37" s="48">
        <v>0</v>
      </c>
      <c r="V37" s="48">
        <v>0</v>
      </c>
    </row>
    <row r="38" spans="1:22">
      <c r="A38" s="55" t="s">
        <v>77</v>
      </c>
      <c r="B38" s="52">
        <v>4770.1000000000004</v>
      </c>
      <c r="C38" s="51">
        <v>0</v>
      </c>
      <c r="D38" s="51">
        <v>0</v>
      </c>
      <c r="E38" s="51">
        <v>0</v>
      </c>
      <c r="F38" s="51">
        <v>0</v>
      </c>
      <c r="G38" s="51">
        <v>0</v>
      </c>
      <c r="H38" s="51">
        <v>0</v>
      </c>
      <c r="I38" s="51">
        <v>0</v>
      </c>
      <c r="J38" s="51">
        <v>0</v>
      </c>
      <c r="K38" s="51">
        <v>0</v>
      </c>
      <c r="L38" s="51">
        <v>0</v>
      </c>
      <c r="M38" s="51"/>
      <c r="N38" s="51"/>
      <c r="O38" s="51"/>
      <c r="P38" s="51"/>
      <c r="Q38" s="51"/>
      <c r="R38" s="51"/>
      <c r="S38" s="51"/>
      <c r="T38" s="51"/>
      <c r="U38" s="51"/>
      <c r="V38" s="51"/>
    </row>
    <row r="39" spans="1:22">
      <c r="A39" s="56" t="s">
        <v>78</v>
      </c>
      <c r="B39" s="48">
        <v>77243.131147856911</v>
      </c>
      <c r="C39" s="45">
        <v>0</v>
      </c>
      <c r="D39" s="45">
        <v>0</v>
      </c>
      <c r="E39" s="45">
        <v>0</v>
      </c>
      <c r="F39" s="45">
        <v>0</v>
      </c>
      <c r="G39" s="45">
        <v>0</v>
      </c>
      <c r="H39" s="45">
        <v>0</v>
      </c>
      <c r="I39" s="45">
        <v>0</v>
      </c>
      <c r="J39" s="45">
        <v>0</v>
      </c>
      <c r="K39" s="45">
        <v>0</v>
      </c>
      <c r="L39" s="53">
        <v>0</v>
      </c>
      <c r="M39" s="53">
        <v>0</v>
      </c>
      <c r="N39" s="53">
        <v>0</v>
      </c>
      <c r="O39" s="53">
        <v>0</v>
      </c>
      <c r="P39" s="53">
        <v>0</v>
      </c>
      <c r="Q39" s="53">
        <v>0</v>
      </c>
      <c r="R39" s="53">
        <v>0</v>
      </c>
      <c r="S39" s="53">
        <v>0</v>
      </c>
      <c r="T39" s="53">
        <v>0</v>
      </c>
      <c r="U39" s="53">
        <v>0</v>
      </c>
      <c r="V39" s="53">
        <v>-77243.131147856911</v>
      </c>
    </row>
    <row r="40" spans="1:22">
      <c r="A40" s="45"/>
      <c r="B40" s="45"/>
      <c r="C40" s="45"/>
      <c r="D40" s="45"/>
      <c r="E40" s="45"/>
      <c r="F40" s="45"/>
      <c r="G40" s="45"/>
      <c r="H40" s="45"/>
      <c r="I40" s="45"/>
      <c r="J40" s="45"/>
      <c r="K40" s="45"/>
      <c r="L40" s="45"/>
      <c r="M40" s="45"/>
      <c r="N40" s="45"/>
      <c r="O40" s="45"/>
      <c r="P40" s="45"/>
      <c r="Q40" s="45"/>
      <c r="R40" s="45"/>
      <c r="S40" s="45"/>
      <c r="T40" s="45"/>
      <c r="U40" s="45"/>
      <c r="V40" s="45"/>
    </row>
    <row r="41" spans="1:22">
      <c r="A41" s="51" t="s">
        <v>79</v>
      </c>
      <c r="B41" s="52">
        <v>0</v>
      </c>
      <c r="C41" s="52">
        <v>0</v>
      </c>
      <c r="D41" s="52">
        <v>0</v>
      </c>
      <c r="E41" s="52">
        <v>0</v>
      </c>
      <c r="F41" s="52">
        <v>0</v>
      </c>
      <c r="G41" s="52">
        <v>0</v>
      </c>
      <c r="H41" s="52">
        <v>0</v>
      </c>
      <c r="I41" s="52">
        <v>0</v>
      </c>
      <c r="J41" s="52">
        <v>0</v>
      </c>
      <c r="K41" s="52">
        <v>0</v>
      </c>
      <c r="L41" s="52">
        <v>0</v>
      </c>
      <c r="M41" s="52">
        <v>0</v>
      </c>
      <c r="N41" s="52">
        <v>0</v>
      </c>
      <c r="O41" s="52">
        <v>0</v>
      </c>
      <c r="P41" s="52">
        <v>0</v>
      </c>
      <c r="Q41" s="52">
        <v>0</v>
      </c>
      <c r="R41" s="52">
        <v>0</v>
      </c>
      <c r="S41" s="52">
        <v>0</v>
      </c>
      <c r="T41" s="52">
        <v>0</v>
      </c>
      <c r="U41" s="52">
        <v>0</v>
      </c>
      <c r="V41" s="52">
        <v>2544.0533333333337</v>
      </c>
    </row>
    <row r="42" spans="1:22">
      <c r="A42" s="45" t="s">
        <v>80</v>
      </c>
      <c r="B42" s="45"/>
      <c r="C42" s="53">
        <v>0</v>
      </c>
      <c r="D42" s="53">
        <v>0</v>
      </c>
      <c r="E42" s="53">
        <v>0</v>
      </c>
      <c r="F42" s="53">
        <v>0</v>
      </c>
      <c r="G42" s="53">
        <v>0</v>
      </c>
      <c r="H42" s="53">
        <v>0</v>
      </c>
      <c r="I42" s="53">
        <v>0</v>
      </c>
      <c r="J42" s="53">
        <v>0</v>
      </c>
      <c r="K42" s="53">
        <v>0</v>
      </c>
      <c r="L42" s="53">
        <v>0</v>
      </c>
      <c r="M42" s="53">
        <v>0</v>
      </c>
      <c r="N42" s="53">
        <v>0</v>
      </c>
      <c r="O42" s="53">
        <v>0</v>
      </c>
      <c r="P42" s="53">
        <v>0</v>
      </c>
      <c r="Q42" s="53">
        <v>0</v>
      </c>
      <c r="R42" s="53">
        <v>0</v>
      </c>
      <c r="S42" s="53">
        <v>0</v>
      </c>
      <c r="T42" s="53">
        <v>0</v>
      </c>
      <c r="U42" s="53">
        <v>0</v>
      </c>
      <c r="V42" s="53">
        <v>0</v>
      </c>
    </row>
    <row r="43" spans="1:22">
      <c r="A43" s="51" t="s">
        <v>81</v>
      </c>
      <c r="B43" s="51"/>
      <c r="C43" s="51">
        <v>0</v>
      </c>
      <c r="D43" s="51">
        <v>0</v>
      </c>
      <c r="E43" s="51">
        <v>0</v>
      </c>
      <c r="F43" s="51">
        <v>0</v>
      </c>
      <c r="G43" s="51">
        <v>0</v>
      </c>
      <c r="H43" s="51">
        <v>0</v>
      </c>
      <c r="I43" s="51">
        <v>0</v>
      </c>
      <c r="J43" s="51">
        <v>0</v>
      </c>
      <c r="K43" s="51">
        <v>0</v>
      </c>
      <c r="L43" s="52">
        <v>0</v>
      </c>
      <c r="M43" s="51">
        <v>0</v>
      </c>
      <c r="N43" s="51">
        <v>0</v>
      </c>
      <c r="O43" s="51">
        <v>0</v>
      </c>
      <c r="P43" s="51">
        <v>0</v>
      </c>
      <c r="Q43" s="51">
        <v>0</v>
      </c>
      <c r="R43" s="51">
        <v>0</v>
      </c>
      <c r="S43" s="51">
        <v>0</v>
      </c>
      <c r="T43" s="51">
        <v>0</v>
      </c>
      <c r="U43" s="51">
        <v>0</v>
      </c>
      <c r="V43" s="51">
        <v>2544.0533333333337</v>
      </c>
    </row>
    <row r="44" spans="1:22">
      <c r="A44" s="45"/>
      <c r="B44" s="45"/>
      <c r="C44" s="45"/>
      <c r="D44" s="45"/>
      <c r="E44" s="45"/>
      <c r="F44" s="45"/>
      <c r="G44" s="45"/>
      <c r="H44" s="45"/>
      <c r="I44" s="45"/>
      <c r="J44" s="45"/>
      <c r="K44" s="45"/>
      <c r="L44" s="45"/>
      <c r="M44" s="45"/>
      <c r="N44" s="45"/>
      <c r="O44" s="45"/>
      <c r="P44" s="45"/>
      <c r="Q44" s="45"/>
      <c r="R44" s="45"/>
      <c r="S44" s="45"/>
      <c r="T44" s="45"/>
      <c r="U44" s="45"/>
      <c r="V44" s="45"/>
    </row>
    <row r="45" spans="1:22">
      <c r="A45" s="59" t="s">
        <v>82</v>
      </c>
      <c r="B45" s="60">
        <v>-191058.25954785693</v>
      </c>
      <c r="C45" s="60">
        <v>268731.40210008825</v>
      </c>
      <c r="D45" s="60">
        <v>234656.31789008825</v>
      </c>
      <c r="E45" s="60">
        <v>294452.53201488825</v>
      </c>
      <c r="F45" s="60">
        <v>346802.66301488836</v>
      </c>
      <c r="G45" s="60">
        <v>358005.46301488834</v>
      </c>
      <c r="H45" s="60">
        <v>350291.48562968837</v>
      </c>
      <c r="I45" s="60">
        <v>341936.24623968842</v>
      </c>
      <c r="J45" s="60">
        <v>337334.21101488837</v>
      </c>
      <c r="K45" s="60">
        <v>336572.42061488837</v>
      </c>
      <c r="L45" s="60">
        <v>285312.42061488837</v>
      </c>
      <c r="M45" s="60">
        <v>270227.40210008825</v>
      </c>
      <c r="N45" s="60">
        <v>-8316574.8294309778</v>
      </c>
      <c r="O45" s="60">
        <v>446065.34946902259</v>
      </c>
      <c r="P45" s="60">
        <v>495136.73806902283</v>
      </c>
      <c r="Q45" s="60">
        <v>506339.53806902282</v>
      </c>
      <c r="R45" s="60">
        <v>506339.53806902282</v>
      </c>
      <c r="S45" s="60">
        <v>506339.53806902282</v>
      </c>
      <c r="T45" s="60">
        <v>506339.53806902282</v>
      </c>
      <c r="U45" s="60">
        <v>506339.53806902282</v>
      </c>
      <c r="V45" s="60">
        <v>586126.7225502131</v>
      </c>
    </row>
    <row r="46" spans="1:22">
      <c r="A46" s="45"/>
      <c r="B46" s="45"/>
      <c r="C46" s="45"/>
      <c r="D46" s="45"/>
      <c r="E46" s="45"/>
      <c r="F46" s="45"/>
      <c r="G46" s="45"/>
      <c r="H46" s="45"/>
      <c r="I46" s="45"/>
      <c r="J46" s="45"/>
      <c r="K46" s="45"/>
      <c r="L46" s="45"/>
      <c r="M46" s="45"/>
      <c r="N46" s="45"/>
      <c r="O46" s="45"/>
      <c r="P46" s="45"/>
      <c r="Q46" s="45"/>
      <c r="R46" s="45"/>
      <c r="S46" s="45"/>
      <c r="T46" s="45"/>
      <c r="U46" s="45"/>
      <c r="V46" s="45"/>
    </row>
    <row r="47" spans="1:22">
      <c r="A47" s="39"/>
      <c r="B47" s="45"/>
      <c r="C47" s="45"/>
      <c r="D47" s="45"/>
      <c r="E47" s="45"/>
      <c r="F47" s="45"/>
      <c r="G47" s="45"/>
      <c r="H47" s="45"/>
      <c r="I47" s="45"/>
      <c r="J47" s="45"/>
      <c r="K47" s="45"/>
      <c r="L47" s="45"/>
      <c r="M47" s="45"/>
      <c r="N47" s="45"/>
      <c r="O47" s="45"/>
      <c r="P47" s="45"/>
      <c r="Q47" s="45"/>
      <c r="R47" s="45"/>
      <c r="S47" s="45"/>
      <c r="T47" s="45"/>
      <c r="U47" s="45"/>
      <c r="V47" s="45"/>
    </row>
    <row r="48" spans="1:22">
      <c r="A48" s="45"/>
      <c r="B48" s="45"/>
      <c r="C48" s="45"/>
      <c r="D48" s="45"/>
      <c r="E48" s="45"/>
      <c r="F48" s="45"/>
      <c r="G48" s="45"/>
      <c r="H48" s="45"/>
      <c r="I48" s="45"/>
      <c r="J48" s="45"/>
      <c r="K48" s="45"/>
      <c r="L48" s="45"/>
      <c r="M48" s="45"/>
      <c r="N48" s="45"/>
      <c r="O48" s="45"/>
      <c r="P48" s="45"/>
      <c r="Q48" s="45"/>
      <c r="R48" s="45"/>
      <c r="S48" s="45"/>
      <c r="T48" s="45"/>
      <c r="U48" s="45"/>
      <c r="V48" s="45"/>
    </row>
    <row r="49" spans="1:22" ht="12" thickBot="1"/>
    <row r="50" spans="1:22" ht="16.5" thickBot="1">
      <c r="A50" s="184" t="s">
        <v>57</v>
      </c>
      <c r="B50" s="185">
        <v>9.8500000000000004E-2</v>
      </c>
      <c r="C50" s="45"/>
      <c r="D50" s="45"/>
      <c r="E50" s="45"/>
      <c r="F50" s="45"/>
      <c r="G50" s="45"/>
      <c r="H50" s="45"/>
      <c r="I50" s="45"/>
      <c r="J50" s="45"/>
      <c r="K50" s="45"/>
      <c r="L50" s="45"/>
      <c r="M50" s="45"/>
      <c r="N50" s="45"/>
      <c r="O50" s="45"/>
      <c r="P50" s="45"/>
      <c r="Q50" s="45"/>
      <c r="R50" s="45"/>
      <c r="S50" s="45"/>
      <c r="T50" s="45"/>
      <c r="U50" s="45"/>
      <c r="V50" s="45"/>
    </row>
    <row r="51" spans="1:22">
      <c r="A51" s="45"/>
      <c r="B51" s="62"/>
      <c r="C51" s="45"/>
      <c r="D51" s="45"/>
      <c r="E51" s="45"/>
      <c r="F51" s="45"/>
      <c r="G51" s="45"/>
      <c r="H51" s="45"/>
      <c r="I51" s="45"/>
      <c r="J51" s="45"/>
      <c r="K51" s="45"/>
      <c r="L51" s="45"/>
      <c r="M51" s="84"/>
      <c r="N51" s="45"/>
      <c r="O51" s="45"/>
      <c r="P51" s="45"/>
      <c r="Q51" s="45"/>
      <c r="R51" s="45"/>
      <c r="S51" s="45"/>
      <c r="T51" s="45"/>
      <c r="U51" s="45"/>
      <c r="V51" s="45"/>
    </row>
    <row r="52" spans="1:22" ht="11.25" customHeight="1">
      <c r="A52" s="45"/>
      <c r="B52" s="62"/>
      <c r="C52" s="45"/>
      <c r="D52" s="45"/>
      <c r="E52" s="45"/>
      <c r="F52" s="45"/>
      <c r="G52" s="45"/>
      <c r="H52" s="45"/>
      <c r="I52" s="45"/>
      <c r="J52" s="45"/>
      <c r="K52" s="45"/>
      <c r="L52" s="45"/>
      <c r="M52" s="45"/>
      <c r="N52" s="45"/>
      <c r="O52" s="45"/>
      <c r="P52" s="45"/>
      <c r="Q52" s="45"/>
      <c r="R52" s="45"/>
      <c r="S52" s="45"/>
      <c r="T52" s="45"/>
      <c r="U52" s="45"/>
      <c r="V52" s="45"/>
    </row>
    <row r="53" spans="1:22">
      <c r="A53" s="45"/>
      <c r="B53" s="45"/>
      <c r="C53" s="45"/>
      <c r="D53" s="45"/>
      <c r="E53" s="45"/>
      <c r="F53" s="45"/>
      <c r="G53" s="45"/>
      <c r="H53" s="45"/>
      <c r="I53" s="45"/>
      <c r="J53" s="45"/>
      <c r="K53" s="45"/>
      <c r="L53" s="45"/>
      <c r="M53" s="45"/>
      <c r="N53" s="45"/>
      <c r="O53" s="45"/>
      <c r="P53" s="45"/>
      <c r="Q53" s="45"/>
      <c r="R53" s="45"/>
      <c r="S53" s="45"/>
      <c r="T53" s="45"/>
      <c r="U53" s="45"/>
      <c r="V53" s="45"/>
    </row>
    <row r="54" spans="1:22" ht="18">
      <c r="A54" s="183" t="s">
        <v>155</v>
      </c>
      <c r="B54" s="45"/>
      <c r="C54" s="45"/>
      <c r="D54" s="45"/>
      <c r="E54" s="45"/>
      <c r="F54" s="45"/>
      <c r="G54" s="45"/>
      <c r="H54" s="45"/>
      <c r="I54" s="45"/>
      <c r="J54" s="45"/>
      <c r="K54" s="45"/>
      <c r="L54" s="45"/>
      <c r="M54" s="45"/>
      <c r="N54" s="45"/>
      <c r="O54" s="45"/>
      <c r="P54" s="45"/>
      <c r="Q54" s="45"/>
      <c r="R54" s="45"/>
      <c r="S54" s="45"/>
      <c r="T54" s="45"/>
      <c r="U54" s="45"/>
      <c r="V54" s="45"/>
    </row>
    <row r="55" spans="1:22">
      <c r="A55" s="64" t="s">
        <v>83</v>
      </c>
      <c r="B55" s="65"/>
      <c r="C55" s="66">
        <v>29712.655513333331</v>
      </c>
      <c r="D55" s="67">
        <v>54286.889013333326</v>
      </c>
      <c r="E55" s="67">
        <v>67822.286733333327</v>
      </c>
      <c r="F55" s="67">
        <v>70062.846733333325</v>
      </c>
      <c r="G55" s="67">
        <v>70062.846733333325</v>
      </c>
      <c r="H55" s="67">
        <v>47374.677953333332</v>
      </c>
      <c r="I55" s="67">
        <v>22800.444453333334</v>
      </c>
      <c r="J55" s="67">
        <v>9265.0467333333327</v>
      </c>
      <c r="K55" s="67">
        <v>7024.4867333333323</v>
      </c>
      <c r="L55" s="67">
        <v>18024.486733333331</v>
      </c>
      <c r="M55" s="67">
        <v>34112.655513333331</v>
      </c>
      <c r="N55" s="67">
        <v>1019267.7046133333</v>
      </c>
      <c r="O55" s="68">
        <v>1032803.1023333333</v>
      </c>
      <c r="P55" s="68">
        <v>1035043.6623333333</v>
      </c>
      <c r="Q55" s="68">
        <v>1024043.6623333333</v>
      </c>
      <c r="R55" s="68">
        <v>1007955.4935533333</v>
      </c>
      <c r="S55" s="68">
        <v>983381.26005333324</v>
      </c>
      <c r="T55" s="68">
        <v>969845.86233333335</v>
      </c>
      <c r="U55" s="68">
        <v>967605.3023333333</v>
      </c>
      <c r="V55" s="68">
        <v>967605.3023333333</v>
      </c>
    </row>
    <row r="56" spans="1:22">
      <c r="A56" s="69" t="s">
        <v>84</v>
      </c>
      <c r="B56" s="70"/>
      <c r="C56" s="72">
        <v>6913.1843999999992</v>
      </c>
      <c r="D56" s="72">
        <v>6913.1843999999992</v>
      </c>
      <c r="E56" s="72">
        <v>6913.1843999999992</v>
      </c>
      <c r="F56" s="72">
        <v>6913.1843999999992</v>
      </c>
      <c r="G56" s="72">
        <v>6913.1843999999992</v>
      </c>
      <c r="H56" s="72">
        <v>6913.1843999999992</v>
      </c>
      <c r="I56" s="72">
        <v>6913.1843999999992</v>
      </c>
      <c r="J56" s="72">
        <v>6913.1843999999992</v>
      </c>
      <c r="K56" s="72">
        <v>6913.1843999999992</v>
      </c>
      <c r="L56" s="72">
        <v>6913.1843999999992</v>
      </c>
      <c r="M56" s="72">
        <v>6913.1843999999992</v>
      </c>
      <c r="N56" s="72">
        <v>967494</v>
      </c>
      <c r="O56" s="72">
        <v>967494</v>
      </c>
      <c r="P56" s="72">
        <v>967494</v>
      </c>
      <c r="Q56" s="72">
        <v>967494</v>
      </c>
      <c r="R56" s="72">
        <v>967494</v>
      </c>
      <c r="S56" s="72">
        <v>967494</v>
      </c>
      <c r="T56" s="72">
        <v>967494</v>
      </c>
      <c r="U56" s="72">
        <v>967494</v>
      </c>
      <c r="V56" s="73">
        <v>967494</v>
      </c>
    </row>
    <row r="57" spans="1:22">
      <c r="A57" s="74" t="s">
        <v>85</v>
      </c>
      <c r="B57" s="45"/>
      <c r="C57" s="48">
        <v>111.30233333333334</v>
      </c>
      <c r="D57" s="48">
        <v>111.30233333333334</v>
      </c>
      <c r="E57" s="48">
        <v>111.30233333333334</v>
      </c>
      <c r="F57" s="48">
        <v>111.30233333333334</v>
      </c>
      <c r="G57" s="48">
        <v>111.30233333333334</v>
      </c>
      <c r="H57" s="48">
        <v>111.30233333333334</v>
      </c>
      <c r="I57" s="48">
        <v>111.30233333333334</v>
      </c>
      <c r="J57" s="48">
        <v>111.30233333333334</v>
      </c>
      <c r="K57" s="48">
        <v>111.30233333333334</v>
      </c>
      <c r="L57" s="48">
        <v>111.30233333333334</v>
      </c>
      <c r="M57" s="48">
        <v>111.30233333333334</v>
      </c>
      <c r="N57" s="48">
        <v>111.30233333333334</v>
      </c>
      <c r="O57" s="48">
        <v>111.30233333333334</v>
      </c>
      <c r="P57" s="48">
        <v>111.30233333333334</v>
      </c>
      <c r="Q57" s="48">
        <v>111.30233333333334</v>
      </c>
      <c r="R57" s="48">
        <v>111.30233333333334</v>
      </c>
      <c r="S57" s="48">
        <v>111.30233333333334</v>
      </c>
      <c r="T57" s="48">
        <v>111.30233333333334</v>
      </c>
      <c r="U57" s="48">
        <v>111.30233333333334</v>
      </c>
      <c r="V57" s="48">
        <v>111.30233333333334</v>
      </c>
    </row>
    <row r="58" spans="1:22">
      <c r="A58" s="77" t="s">
        <v>86</v>
      </c>
      <c r="B58" s="78"/>
      <c r="C58" s="80">
        <v>22688.16878</v>
      </c>
      <c r="D58" s="80">
        <v>47262.402279999995</v>
      </c>
      <c r="E58" s="80">
        <v>60797.799999999996</v>
      </c>
      <c r="F58" s="80">
        <v>63038.359999999993</v>
      </c>
      <c r="G58" s="80">
        <v>63038.359999999993</v>
      </c>
      <c r="H58" s="80">
        <v>40350.191220000001</v>
      </c>
      <c r="I58" s="80">
        <v>15775.957720000002</v>
      </c>
      <c r="J58" s="80">
        <v>2240.56</v>
      </c>
      <c r="K58" s="80">
        <v>0</v>
      </c>
      <c r="L58" s="80">
        <v>11000</v>
      </c>
      <c r="M58" s="80">
        <v>27088.16878</v>
      </c>
      <c r="N58" s="80">
        <v>51662.402279999995</v>
      </c>
      <c r="O58" s="80">
        <v>65197.8</v>
      </c>
      <c r="P58" s="80">
        <v>67438.36</v>
      </c>
      <c r="Q58" s="80">
        <v>56438.36</v>
      </c>
      <c r="R58" s="80">
        <v>40350.191220000001</v>
      </c>
      <c r="S58" s="80">
        <v>15775.957720000002</v>
      </c>
      <c r="T58" s="80">
        <v>2240.56</v>
      </c>
      <c r="U58" s="80">
        <v>0</v>
      </c>
      <c r="V58" s="81">
        <v>0</v>
      </c>
    </row>
    <row r="88" spans="11:11" ht="12.75">
      <c r="K88" s="172" t="s">
        <v>165</v>
      </c>
    </row>
  </sheetData>
  <pageMargins left="0.17" right="0.51181102362204722" top="0.36" bottom="0.78740157480314965" header="0.31496062992125984" footer="0.31496062992125984"/>
  <pageSetup paperSize="9" scale="50" orientation="landscape" r:id="rId1"/>
  <drawing r:id="rId2"/>
</worksheet>
</file>

<file path=xl/worksheets/sheet15.xml><?xml version="1.0" encoding="utf-8"?>
<worksheet xmlns="http://schemas.openxmlformats.org/spreadsheetml/2006/main" xmlns:r="http://schemas.openxmlformats.org/officeDocument/2006/relationships">
  <sheetPr codeName="Plan24"/>
  <dimension ref="A1:V88"/>
  <sheetViews>
    <sheetView view="pageBreakPreview" topLeftCell="A58" zoomScale="80" zoomScaleNormal="100" zoomScaleSheetLayoutView="80" workbookViewId="0">
      <selection activeCell="L88" sqref="L88"/>
    </sheetView>
  </sheetViews>
  <sheetFormatPr defaultRowHeight="11.25"/>
  <cols>
    <col min="1" max="1" width="34.85546875" style="2" customWidth="1"/>
    <col min="2" max="2" width="11.85546875" style="2" bestFit="1" customWidth="1"/>
    <col min="3" max="3" width="11.5703125" style="2" bestFit="1" customWidth="1"/>
    <col min="4" max="22" width="10.5703125" style="2" customWidth="1"/>
    <col min="23" max="23" width="9.140625" style="2"/>
    <col min="24" max="25" width="9.140625" style="2" customWidth="1"/>
    <col min="26" max="16384" width="9.140625" style="2"/>
  </cols>
  <sheetData>
    <row r="1" spans="1:22" ht="18">
      <c r="A1" s="165" t="s">
        <v>141</v>
      </c>
    </row>
    <row r="4" spans="1:22" ht="18">
      <c r="A4" s="165" t="s">
        <v>152</v>
      </c>
    </row>
    <row r="5" spans="1:22" ht="15.75">
      <c r="A5" s="173" t="s">
        <v>162</v>
      </c>
    </row>
    <row r="6" spans="1:22" ht="15.75">
      <c r="A6" s="173" t="s">
        <v>153</v>
      </c>
    </row>
    <row r="7" spans="1:22" ht="12.75">
      <c r="A7" s="174" t="s">
        <v>56</v>
      </c>
      <c r="B7" s="175"/>
      <c r="C7" s="176">
        <v>10</v>
      </c>
    </row>
    <row r="8" spans="1:22" ht="12.75">
      <c r="A8" s="177" t="s">
        <v>58</v>
      </c>
      <c r="B8" s="178"/>
      <c r="C8" s="187">
        <v>57850.583628419663</v>
      </c>
    </row>
    <row r="9" spans="1:22" ht="12.75">
      <c r="A9" s="180"/>
      <c r="B9" s="180"/>
      <c r="C9" s="121"/>
    </row>
    <row r="10" spans="1:22" ht="12.75">
      <c r="A10" s="174" t="s">
        <v>59</v>
      </c>
      <c r="B10" s="175"/>
      <c r="C10" s="181">
        <v>48306.211448279624</v>
      </c>
    </row>
    <row r="11" spans="1:22" ht="12.75">
      <c r="A11" s="174" t="s">
        <v>60</v>
      </c>
      <c r="B11" s="175"/>
      <c r="C11" s="181">
        <v>16557.703011999998</v>
      </c>
    </row>
    <row r="12" spans="1:22" ht="12.75">
      <c r="A12" s="174" t="s">
        <v>61</v>
      </c>
      <c r="B12" s="175"/>
      <c r="C12" s="182">
        <v>31748.508436279626</v>
      </c>
    </row>
    <row r="13" spans="1:22" ht="12.75">
      <c r="A13" s="174" t="s">
        <v>62</v>
      </c>
      <c r="B13" s="175"/>
      <c r="C13" s="181">
        <v>0</v>
      </c>
    </row>
    <row r="14" spans="1:22">
      <c r="A14" s="45"/>
      <c r="B14" s="45"/>
      <c r="C14" s="48"/>
    </row>
    <row r="15" spans="1:22" ht="18">
      <c r="A15" s="183" t="s">
        <v>154</v>
      </c>
      <c r="C15" s="48"/>
      <c r="D15" s="27"/>
      <c r="V15" s="49" t="s">
        <v>63</v>
      </c>
    </row>
    <row r="16" spans="1:22">
      <c r="A16" s="50"/>
      <c r="B16" s="50" t="s">
        <v>2</v>
      </c>
      <c r="C16" s="50" t="s">
        <v>3</v>
      </c>
      <c r="D16" s="50" t="s">
        <v>4</v>
      </c>
      <c r="E16" s="50" t="s">
        <v>5</v>
      </c>
      <c r="F16" s="50" t="s">
        <v>6</v>
      </c>
      <c r="G16" s="50" t="s">
        <v>7</v>
      </c>
      <c r="H16" s="50" t="s">
        <v>8</v>
      </c>
      <c r="I16" s="50" t="s">
        <v>9</v>
      </c>
      <c r="J16" s="50" t="s">
        <v>10</v>
      </c>
      <c r="K16" s="50" t="s">
        <v>11</v>
      </c>
      <c r="L16" s="50" t="s">
        <v>12</v>
      </c>
      <c r="M16" s="50" t="s">
        <v>13</v>
      </c>
      <c r="N16" s="50" t="s">
        <v>14</v>
      </c>
      <c r="O16" s="50" t="s">
        <v>15</v>
      </c>
      <c r="P16" s="50" t="s">
        <v>16</v>
      </c>
      <c r="Q16" s="50" t="s">
        <v>17</v>
      </c>
      <c r="R16" s="50" t="s">
        <v>18</v>
      </c>
      <c r="S16" s="50" t="s">
        <v>19</v>
      </c>
      <c r="T16" s="50" t="s">
        <v>20</v>
      </c>
      <c r="U16" s="50" t="s">
        <v>21</v>
      </c>
      <c r="V16" s="50" t="s">
        <v>22</v>
      </c>
    </row>
    <row r="17" spans="1:22">
      <c r="A17" s="45" t="s">
        <v>64</v>
      </c>
      <c r="B17" s="45"/>
      <c r="C17" s="48">
        <v>6942070.0354103595</v>
      </c>
      <c r="D17" s="48">
        <v>6942070.0354103595</v>
      </c>
      <c r="E17" s="48">
        <v>6942070.0354103595</v>
      </c>
      <c r="F17" s="48">
        <v>6942070.0354103595</v>
      </c>
      <c r="G17" s="48">
        <v>6942070.0354103595</v>
      </c>
      <c r="H17" s="48">
        <v>6942070.0354103595</v>
      </c>
      <c r="I17" s="48">
        <v>6942070.0354103595</v>
      </c>
      <c r="J17" s="48">
        <v>6942070.0354103595</v>
      </c>
      <c r="K17" s="48">
        <v>6942070.0354103595</v>
      </c>
      <c r="L17" s="48">
        <v>6942070.0354103595</v>
      </c>
      <c r="M17" s="48">
        <v>6942070.0354103595</v>
      </c>
      <c r="N17" s="48">
        <v>6942070.0354103595</v>
      </c>
      <c r="O17" s="48">
        <v>6942070.0354103595</v>
      </c>
      <c r="P17" s="48">
        <v>6942070.0354103595</v>
      </c>
      <c r="Q17" s="48">
        <v>6942070.0354103595</v>
      </c>
      <c r="R17" s="48">
        <v>6942070.0354103595</v>
      </c>
      <c r="S17" s="48">
        <v>6942070.0354103595</v>
      </c>
      <c r="T17" s="48">
        <v>6942070.0354103595</v>
      </c>
      <c r="U17" s="48">
        <v>6942070.0354103595</v>
      </c>
      <c r="V17" s="48">
        <v>6942070.0354103595</v>
      </c>
    </row>
    <row r="18" spans="1:22">
      <c r="A18" s="51" t="s">
        <v>65</v>
      </c>
      <c r="B18" s="51"/>
      <c r="C18" s="52">
        <v>138841.40070820719</v>
      </c>
      <c r="D18" s="52">
        <v>138841.40070820719</v>
      </c>
      <c r="E18" s="52">
        <v>138841.40070820719</v>
      </c>
      <c r="F18" s="52">
        <v>138841.40070820719</v>
      </c>
      <c r="G18" s="52">
        <v>138841.40070820719</v>
      </c>
      <c r="H18" s="52">
        <v>138841.40070820719</v>
      </c>
      <c r="I18" s="52">
        <v>138841.40070820719</v>
      </c>
      <c r="J18" s="52">
        <v>138841.40070820719</v>
      </c>
      <c r="K18" s="52">
        <v>138841.40070820719</v>
      </c>
      <c r="L18" s="52">
        <v>138841.40070820719</v>
      </c>
      <c r="M18" s="52">
        <v>138841.40070820719</v>
      </c>
      <c r="N18" s="52">
        <v>138841.40070820719</v>
      </c>
      <c r="O18" s="52">
        <v>138841.40070820719</v>
      </c>
      <c r="P18" s="52">
        <v>138841.40070820719</v>
      </c>
      <c r="Q18" s="52">
        <v>138841.40070820719</v>
      </c>
      <c r="R18" s="52">
        <v>138841.40070820719</v>
      </c>
      <c r="S18" s="52">
        <v>138841.40070820719</v>
      </c>
      <c r="T18" s="52">
        <v>138841.40070820719</v>
      </c>
      <c r="U18" s="52">
        <v>138841.40070820719</v>
      </c>
      <c r="V18" s="52">
        <v>138841.40070820719</v>
      </c>
    </row>
    <row r="19" spans="1:22">
      <c r="A19" s="45" t="s">
        <v>66</v>
      </c>
      <c r="B19" s="45"/>
      <c r="C19" s="53">
        <v>6803228.6347021526</v>
      </c>
      <c r="D19" s="53">
        <v>6803228.6347021526</v>
      </c>
      <c r="E19" s="53">
        <v>6803228.6347021526</v>
      </c>
      <c r="F19" s="53">
        <v>6803228.6347021526</v>
      </c>
      <c r="G19" s="53">
        <v>6803228.6347021526</v>
      </c>
      <c r="H19" s="53">
        <v>6803228.6347021526</v>
      </c>
      <c r="I19" s="53">
        <v>6803228.6347021526</v>
      </c>
      <c r="J19" s="53">
        <v>6803228.6347021526</v>
      </c>
      <c r="K19" s="53">
        <v>6803228.6347021526</v>
      </c>
      <c r="L19" s="53">
        <v>6803228.6347021526</v>
      </c>
      <c r="M19" s="53">
        <v>6803228.6347021526</v>
      </c>
      <c r="N19" s="53">
        <v>6803228.6347021526</v>
      </c>
      <c r="O19" s="53">
        <v>6803228.6347021526</v>
      </c>
      <c r="P19" s="53">
        <v>6803228.6347021526</v>
      </c>
      <c r="Q19" s="53">
        <v>6803228.6347021526</v>
      </c>
      <c r="R19" s="53">
        <v>6803228.6347021526</v>
      </c>
      <c r="S19" s="53">
        <v>6803228.6347021526</v>
      </c>
      <c r="T19" s="53">
        <v>6803228.6347021526</v>
      </c>
      <c r="U19" s="53">
        <v>6803228.6347021526</v>
      </c>
      <c r="V19" s="53">
        <v>6803228.6347021526</v>
      </c>
    </row>
    <row r="20" spans="1:22">
      <c r="A20" s="45"/>
      <c r="B20" s="45"/>
      <c r="C20" s="45"/>
      <c r="D20" s="45"/>
      <c r="E20" s="45"/>
      <c r="F20" s="45"/>
      <c r="G20" s="45"/>
      <c r="H20" s="45"/>
      <c r="I20" s="45"/>
      <c r="J20" s="45"/>
      <c r="K20" s="45"/>
      <c r="L20" s="45"/>
      <c r="M20" s="45"/>
      <c r="N20" s="45"/>
      <c r="O20" s="45"/>
      <c r="P20" s="45"/>
      <c r="Q20" s="45"/>
      <c r="R20" s="45"/>
      <c r="S20" s="45"/>
      <c r="T20" s="45"/>
      <c r="U20" s="45"/>
      <c r="V20" s="45"/>
    </row>
    <row r="21" spans="1:22">
      <c r="A21" s="51" t="s">
        <v>67</v>
      </c>
      <c r="B21" s="51"/>
      <c r="C21" s="52">
        <v>5803748.5737935547</v>
      </c>
      <c r="D21" s="52">
        <v>5803748.5737935547</v>
      </c>
      <c r="E21" s="52">
        <v>5803748.5737935547</v>
      </c>
      <c r="F21" s="52">
        <v>5811151.3737935545</v>
      </c>
      <c r="G21" s="52">
        <v>5811151.3737935545</v>
      </c>
      <c r="H21" s="52">
        <v>5811151.3737935545</v>
      </c>
      <c r="I21" s="52">
        <v>5811151.3737935545</v>
      </c>
      <c r="J21" s="52">
        <v>5811151.3737935545</v>
      </c>
      <c r="K21" s="52">
        <v>5811151.3737935545</v>
      </c>
      <c r="L21" s="52">
        <v>5811151.3737935545</v>
      </c>
      <c r="M21" s="54">
        <v>5803748.5737935547</v>
      </c>
      <c r="N21" s="54">
        <v>5803748.5737935547</v>
      </c>
      <c r="O21" s="54">
        <v>5803748.5737935547</v>
      </c>
      <c r="P21" s="54">
        <v>5811151.3737935545</v>
      </c>
      <c r="Q21" s="54">
        <v>5811151.3737935545</v>
      </c>
      <c r="R21" s="54">
        <v>5811151.3737935545</v>
      </c>
      <c r="S21" s="54">
        <v>5811151.3737935545</v>
      </c>
      <c r="T21" s="54">
        <v>5811151.3737935545</v>
      </c>
      <c r="U21" s="54">
        <v>5811151.3737935545</v>
      </c>
      <c r="V21" s="54">
        <v>5811151.3737935545</v>
      </c>
    </row>
    <row r="22" spans="1:22">
      <c r="A22" s="45"/>
      <c r="B22" s="45"/>
      <c r="C22" s="45"/>
      <c r="D22" s="45"/>
      <c r="E22" s="45"/>
      <c r="F22" s="45"/>
      <c r="G22" s="45"/>
      <c r="H22" s="45"/>
      <c r="I22" s="45"/>
      <c r="J22" s="45"/>
      <c r="K22" s="45"/>
      <c r="L22" s="45"/>
      <c r="M22" s="45"/>
      <c r="N22" s="45"/>
      <c r="O22" s="45"/>
      <c r="P22" s="45"/>
      <c r="Q22" s="45"/>
      <c r="R22" s="45"/>
      <c r="S22" s="45"/>
      <c r="T22" s="45"/>
      <c r="U22" s="45"/>
      <c r="V22" s="45"/>
    </row>
    <row r="23" spans="1:22">
      <c r="A23" s="45" t="s">
        <v>68</v>
      </c>
      <c r="B23" s="45"/>
      <c r="C23" s="48">
        <v>369949.51141333336</v>
      </c>
      <c r="D23" s="48">
        <v>394523.74491333333</v>
      </c>
      <c r="E23" s="48">
        <v>408059.14263333334</v>
      </c>
      <c r="F23" s="48">
        <v>410299.70263333333</v>
      </c>
      <c r="G23" s="48">
        <v>410299.70263333333</v>
      </c>
      <c r="H23" s="48">
        <v>387611.53385333333</v>
      </c>
      <c r="I23" s="48">
        <v>363037.30035333335</v>
      </c>
      <c r="J23" s="48">
        <v>349501.90263333335</v>
      </c>
      <c r="K23" s="48">
        <v>347261.34263333335</v>
      </c>
      <c r="L23" s="48">
        <v>358261.34263333335</v>
      </c>
      <c r="M23" s="48">
        <v>374349.51141333336</v>
      </c>
      <c r="N23" s="48">
        <v>1168600.4035133333</v>
      </c>
      <c r="O23" s="48">
        <v>1182135.8012333333</v>
      </c>
      <c r="P23" s="48">
        <v>1184376.3612333334</v>
      </c>
      <c r="Q23" s="48">
        <v>1749664.1623333334</v>
      </c>
      <c r="R23" s="48">
        <v>1733575.9935533332</v>
      </c>
      <c r="S23" s="48">
        <v>1709001.7600533334</v>
      </c>
      <c r="T23" s="48">
        <v>1695466.3623333334</v>
      </c>
      <c r="U23" s="48">
        <v>1693225.8023333333</v>
      </c>
      <c r="V23" s="48">
        <v>1693114.5</v>
      </c>
    </row>
    <row r="24" spans="1:22">
      <c r="A24" s="45"/>
      <c r="B24" s="45"/>
      <c r="C24" s="45"/>
      <c r="D24" s="45"/>
      <c r="E24" s="45"/>
      <c r="F24" s="45"/>
      <c r="G24" s="45"/>
      <c r="H24" s="45"/>
      <c r="I24" s="45"/>
      <c r="J24" s="45"/>
      <c r="K24" s="45"/>
      <c r="L24" s="45"/>
      <c r="M24" s="45"/>
      <c r="N24" s="45"/>
      <c r="O24" s="45"/>
      <c r="P24" s="45"/>
      <c r="Q24" s="45"/>
      <c r="R24" s="45"/>
      <c r="S24" s="45"/>
      <c r="T24" s="45"/>
      <c r="U24" s="45"/>
      <c r="V24" s="45"/>
    </row>
    <row r="25" spans="1:22">
      <c r="A25" s="51" t="s">
        <v>69</v>
      </c>
      <c r="B25" s="51"/>
      <c r="C25" s="54">
        <v>629530.54949526454</v>
      </c>
      <c r="D25" s="54">
        <v>604956.31599526457</v>
      </c>
      <c r="E25" s="54">
        <v>591420.91827526456</v>
      </c>
      <c r="F25" s="54">
        <v>581777.55827526469</v>
      </c>
      <c r="G25" s="54">
        <v>581777.55827526469</v>
      </c>
      <c r="H25" s="54">
        <v>604465.72705526475</v>
      </c>
      <c r="I25" s="54">
        <v>629039.96055526473</v>
      </c>
      <c r="J25" s="54">
        <v>642575.35827526473</v>
      </c>
      <c r="K25" s="54">
        <v>644815.91827526479</v>
      </c>
      <c r="L25" s="54">
        <v>633815.91827526479</v>
      </c>
      <c r="M25" s="54">
        <v>625130.54949526454</v>
      </c>
      <c r="N25" s="54">
        <v>-169120.3426047354</v>
      </c>
      <c r="O25" s="54">
        <v>-182655.74032473541</v>
      </c>
      <c r="P25" s="54">
        <v>-192299.10032473528</v>
      </c>
      <c r="Q25" s="54">
        <v>-757586.90142473532</v>
      </c>
      <c r="R25" s="54">
        <v>-741498.73264473514</v>
      </c>
      <c r="S25" s="54">
        <v>-716924.49914473528</v>
      </c>
      <c r="T25" s="54">
        <v>-703389.10142473527</v>
      </c>
      <c r="U25" s="54">
        <v>-701148.54142473522</v>
      </c>
      <c r="V25" s="54">
        <v>-701037.23909140192</v>
      </c>
    </row>
    <row r="26" spans="1:22">
      <c r="A26" s="45"/>
      <c r="B26" s="45"/>
      <c r="C26" s="45"/>
      <c r="D26" s="45"/>
      <c r="E26" s="45"/>
      <c r="F26" s="45"/>
      <c r="G26" s="45"/>
      <c r="H26" s="45"/>
      <c r="I26" s="45"/>
      <c r="J26" s="45"/>
      <c r="K26" s="45"/>
      <c r="L26" s="45"/>
      <c r="M26" s="45"/>
      <c r="N26" s="45"/>
      <c r="O26" s="45"/>
      <c r="P26" s="45"/>
      <c r="Q26" s="45"/>
      <c r="R26" s="45"/>
      <c r="S26" s="45"/>
      <c r="T26" s="45"/>
      <c r="U26" s="45"/>
      <c r="V26" s="45"/>
    </row>
    <row r="27" spans="1:22">
      <c r="A27" s="45" t="s">
        <v>70</v>
      </c>
      <c r="B27" s="45"/>
      <c r="C27" s="48">
        <v>214040.38682838995</v>
      </c>
      <c r="D27" s="48">
        <v>205685.14743838998</v>
      </c>
      <c r="E27" s="48">
        <v>201083.11221358995</v>
      </c>
      <c r="F27" s="48">
        <v>197804.36981359002</v>
      </c>
      <c r="G27" s="48">
        <v>197804.36981359002</v>
      </c>
      <c r="H27" s="48">
        <v>205518.34719879003</v>
      </c>
      <c r="I27" s="48">
        <v>213873.58658879003</v>
      </c>
      <c r="J27" s="48">
        <v>218475.62181359003</v>
      </c>
      <c r="K27" s="48">
        <v>219237.41221359005</v>
      </c>
      <c r="L27" s="48">
        <v>215497.41221359005</v>
      </c>
      <c r="M27" s="48">
        <v>212544.38682838995</v>
      </c>
      <c r="N27" s="48">
        <v>0</v>
      </c>
      <c r="O27" s="48">
        <v>0</v>
      </c>
      <c r="P27" s="48">
        <v>0</v>
      </c>
      <c r="Q27" s="48">
        <v>0</v>
      </c>
      <c r="R27" s="48">
        <v>0</v>
      </c>
      <c r="S27" s="48">
        <v>0</v>
      </c>
      <c r="T27" s="48">
        <v>0</v>
      </c>
      <c r="U27" s="48">
        <v>0</v>
      </c>
      <c r="V27" s="48">
        <v>0</v>
      </c>
    </row>
    <row r="28" spans="1:22">
      <c r="A28" s="45"/>
      <c r="B28" s="45"/>
      <c r="C28" s="45"/>
      <c r="D28" s="45"/>
      <c r="E28" s="45"/>
      <c r="F28" s="45"/>
      <c r="G28" s="45"/>
      <c r="H28" s="45"/>
      <c r="I28" s="45"/>
      <c r="J28" s="45"/>
      <c r="K28" s="45"/>
      <c r="L28" s="45"/>
      <c r="M28" s="45"/>
      <c r="N28" s="45"/>
      <c r="O28" s="45"/>
      <c r="P28" s="45"/>
      <c r="Q28" s="45"/>
      <c r="R28" s="45"/>
      <c r="S28" s="45"/>
      <c r="T28" s="45"/>
      <c r="U28" s="45"/>
      <c r="V28" s="45"/>
    </row>
    <row r="29" spans="1:22">
      <c r="A29" s="51" t="s">
        <v>71</v>
      </c>
      <c r="B29" s="51"/>
      <c r="C29" s="54">
        <v>415490.16266687459</v>
      </c>
      <c r="D29" s="54">
        <v>399271.16855687462</v>
      </c>
      <c r="E29" s="54">
        <v>390337.80606167461</v>
      </c>
      <c r="F29" s="54">
        <v>383973.18846167467</v>
      </c>
      <c r="G29" s="54">
        <v>383973.18846167467</v>
      </c>
      <c r="H29" s="54">
        <v>398947.3798564747</v>
      </c>
      <c r="I29" s="54">
        <v>415166.37396647467</v>
      </c>
      <c r="J29" s="54">
        <v>424099.73646167468</v>
      </c>
      <c r="K29" s="54">
        <v>425578.50606167474</v>
      </c>
      <c r="L29" s="54">
        <v>418318.50606167474</v>
      </c>
      <c r="M29" s="54">
        <v>412586.16266687459</v>
      </c>
      <c r="N29" s="54">
        <v>-169120.3426047354</v>
      </c>
      <c r="O29" s="54">
        <v>-182655.74032473541</v>
      </c>
      <c r="P29" s="54">
        <v>-192299.10032473528</v>
      </c>
      <c r="Q29" s="54">
        <v>-757586.90142473532</v>
      </c>
      <c r="R29" s="54">
        <v>-741498.73264473514</v>
      </c>
      <c r="S29" s="54">
        <v>-716924.49914473528</v>
      </c>
      <c r="T29" s="54">
        <v>-703389.10142473527</v>
      </c>
      <c r="U29" s="54">
        <v>-701148.54142473522</v>
      </c>
      <c r="V29" s="54">
        <v>-701037.23909140192</v>
      </c>
    </row>
    <row r="30" spans="1:22">
      <c r="A30" s="45"/>
      <c r="B30" s="45"/>
      <c r="C30" s="45"/>
      <c r="D30" s="45"/>
      <c r="E30" s="45"/>
      <c r="F30" s="45"/>
      <c r="G30" s="45"/>
      <c r="H30" s="45"/>
      <c r="I30" s="45"/>
      <c r="J30" s="45"/>
      <c r="K30" s="45"/>
      <c r="L30" s="45"/>
      <c r="M30" s="45"/>
      <c r="N30" s="45"/>
      <c r="O30" s="45"/>
      <c r="P30" s="45"/>
      <c r="Q30" s="45"/>
      <c r="R30" s="45"/>
      <c r="S30" s="45"/>
      <c r="T30" s="45"/>
      <c r="U30" s="45"/>
      <c r="V30" s="45"/>
    </row>
    <row r="31" spans="1:22">
      <c r="A31" s="45" t="s">
        <v>72</v>
      </c>
      <c r="B31" s="45"/>
      <c r="C31" s="48">
        <v>369949.51141333336</v>
      </c>
      <c r="D31" s="48">
        <v>394523.74491333333</v>
      </c>
      <c r="E31" s="48">
        <v>408059.14263333334</v>
      </c>
      <c r="F31" s="48">
        <v>410299.70263333333</v>
      </c>
      <c r="G31" s="48">
        <v>410299.70263333333</v>
      </c>
      <c r="H31" s="48">
        <v>387611.53385333333</v>
      </c>
      <c r="I31" s="48">
        <v>363037.30035333335</v>
      </c>
      <c r="J31" s="48">
        <v>349501.90263333335</v>
      </c>
      <c r="K31" s="48">
        <v>347261.34263333335</v>
      </c>
      <c r="L31" s="48">
        <v>358261.34263333335</v>
      </c>
      <c r="M31" s="48">
        <v>374349.51141333336</v>
      </c>
      <c r="N31" s="48">
        <v>1168600.4035133333</v>
      </c>
      <c r="O31" s="48">
        <v>1182135.8012333333</v>
      </c>
      <c r="P31" s="48">
        <v>1184376.3612333334</v>
      </c>
      <c r="Q31" s="48">
        <v>1749664.1623333334</v>
      </c>
      <c r="R31" s="48">
        <v>1733575.9935533332</v>
      </c>
      <c r="S31" s="48">
        <v>1709001.7600533334</v>
      </c>
      <c r="T31" s="48">
        <v>1695466.3623333334</v>
      </c>
      <c r="U31" s="48">
        <v>1693225.8023333333</v>
      </c>
      <c r="V31" s="48">
        <v>1693114.5</v>
      </c>
    </row>
    <row r="32" spans="1:22">
      <c r="A32" s="45"/>
      <c r="B32" s="45"/>
      <c r="C32" s="45"/>
      <c r="D32" s="45"/>
      <c r="E32" s="45"/>
      <c r="F32" s="45"/>
      <c r="G32" s="45"/>
      <c r="H32" s="45"/>
      <c r="I32" s="45"/>
      <c r="J32" s="45"/>
      <c r="K32" s="45"/>
      <c r="L32" s="45"/>
      <c r="M32" s="45"/>
      <c r="N32" s="45"/>
      <c r="O32" s="45"/>
      <c r="P32" s="45"/>
      <c r="Q32" s="45"/>
      <c r="R32" s="45"/>
      <c r="S32" s="45"/>
      <c r="T32" s="45"/>
      <c r="U32" s="45"/>
      <c r="V32" s="45"/>
    </row>
    <row r="33" spans="1:22">
      <c r="A33" s="51" t="s">
        <v>73</v>
      </c>
      <c r="B33" s="51"/>
      <c r="C33" s="54">
        <v>785439.67408020794</v>
      </c>
      <c r="D33" s="54">
        <v>793794.91347020795</v>
      </c>
      <c r="E33" s="54">
        <v>798396.94869500794</v>
      </c>
      <c r="F33" s="54">
        <v>794272.891095008</v>
      </c>
      <c r="G33" s="54">
        <v>794272.891095008</v>
      </c>
      <c r="H33" s="54">
        <v>786558.91370980802</v>
      </c>
      <c r="I33" s="54">
        <v>778203.67431980802</v>
      </c>
      <c r="J33" s="54">
        <v>773601.63909500802</v>
      </c>
      <c r="K33" s="54">
        <v>772839.84869500808</v>
      </c>
      <c r="L33" s="54">
        <v>776579.84869500808</v>
      </c>
      <c r="M33" s="54">
        <v>786935.67408020794</v>
      </c>
      <c r="N33" s="54">
        <v>999480.06090859789</v>
      </c>
      <c r="O33" s="54">
        <v>999480.06090859789</v>
      </c>
      <c r="P33" s="54">
        <v>992077.26090859808</v>
      </c>
      <c r="Q33" s="54">
        <v>992077.26090859808</v>
      </c>
      <c r="R33" s="54">
        <v>992077.26090859808</v>
      </c>
      <c r="S33" s="54">
        <v>992077.26090859808</v>
      </c>
      <c r="T33" s="54">
        <v>992077.26090859808</v>
      </c>
      <c r="U33" s="54">
        <v>992077.26090859808</v>
      </c>
      <c r="V33" s="54">
        <v>992077.26090859808</v>
      </c>
    </row>
    <row r="34" spans="1:22">
      <c r="A34" s="45"/>
      <c r="B34" s="45"/>
      <c r="C34" s="45"/>
      <c r="D34" s="45"/>
      <c r="E34" s="45"/>
      <c r="F34" s="45"/>
      <c r="G34" s="45"/>
      <c r="H34" s="45"/>
      <c r="I34" s="45"/>
      <c r="J34" s="45"/>
      <c r="K34" s="45"/>
      <c r="L34" s="45"/>
      <c r="M34" s="45"/>
      <c r="N34" s="45"/>
      <c r="O34" s="45"/>
      <c r="P34" s="45"/>
      <c r="Q34" s="45"/>
      <c r="R34" s="45"/>
      <c r="S34" s="45"/>
      <c r="T34" s="45"/>
      <c r="U34" s="45"/>
      <c r="V34" s="45"/>
    </row>
    <row r="35" spans="1:22">
      <c r="A35" s="45" t="s">
        <v>74</v>
      </c>
      <c r="B35" s="53">
        <v>4383922.045120459</v>
      </c>
      <c r="C35" s="53">
        <v>80440.843899999993</v>
      </c>
      <c r="D35" s="53">
        <v>122871.1675</v>
      </c>
      <c r="E35" s="53">
        <v>67676.988600000012</v>
      </c>
      <c r="F35" s="53">
        <v>11202.8</v>
      </c>
      <c r="G35" s="53">
        <v>0</v>
      </c>
      <c r="H35" s="53">
        <v>0</v>
      </c>
      <c r="I35" s="53">
        <v>0</v>
      </c>
      <c r="J35" s="53">
        <v>0</v>
      </c>
      <c r="K35" s="53">
        <v>0</v>
      </c>
      <c r="L35" s="53">
        <v>55000</v>
      </c>
      <c r="M35" s="53">
        <v>80440.843899999993</v>
      </c>
      <c r="N35" s="53">
        <v>4476594.1675000004</v>
      </c>
      <c r="O35" s="53">
        <v>67676.988600000012</v>
      </c>
      <c r="P35" s="53">
        <v>11202.8</v>
      </c>
      <c r="Q35" s="53">
        <v>4353723</v>
      </c>
      <c r="R35" s="53">
        <v>0</v>
      </c>
      <c r="S35" s="53">
        <v>0</v>
      </c>
      <c r="T35" s="53">
        <v>0</v>
      </c>
      <c r="U35" s="53">
        <v>0</v>
      </c>
      <c r="V35" s="53">
        <v>-79503.405120459662</v>
      </c>
    </row>
    <row r="36" spans="1:22">
      <c r="A36" s="55" t="s">
        <v>75</v>
      </c>
      <c r="B36" s="54">
        <v>4266648.54</v>
      </c>
      <c r="C36" s="54"/>
      <c r="D36" s="54"/>
      <c r="E36" s="54"/>
      <c r="F36" s="54"/>
      <c r="G36" s="54"/>
      <c r="H36" s="54"/>
      <c r="I36" s="54"/>
      <c r="J36" s="54"/>
      <c r="K36" s="54"/>
      <c r="L36" s="54"/>
      <c r="M36" s="54"/>
      <c r="N36" s="54">
        <v>4353723</v>
      </c>
      <c r="O36" s="54">
        <v>0</v>
      </c>
      <c r="P36" s="54">
        <v>0</v>
      </c>
      <c r="Q36" s="54">
        <v>4353723</v>
      </c>
      <c r="R36" s="54">
        <v>0</v>
      </c>
      <c r="S36" s="54"/>
      <c r="T36" s="54"/>
      <c r="U36" s="54"/>
      <c r="V36" s="54"/>
    </row>
    <row r="37" spans="1:22">
      <c r="A37" s="56" t="s">
        <v>76</v>
      </c>
      <c r="B37" s="48">
        <v>33000</v>
      </c>
      <c r="C37" s="48">
        <v>80440.843899999993</v>
      </c>
      <c r="D37" s="48">
        <v>122871.1675</v>
      </c>
      <c r="E37" s="48">
        <v>67676.988600000012</v>
      </c>
      <c r="F37" s="48">
        <v>11202.8</v>
      </c>
      <c r="G37" s="48">
        <v>0</v>
      </c>
      <c r="H37" s="48">
        <v>0</v>
      </c>
      <c r="I37" s="48">
        <v>0</v>
      </c>
      <c r="J37" s="48">
        <v>0</v>
      </c>
      <c r="K37" s="48">
        <v>0</v>
      </c>
      <c r="L37" s="48">
        <v>55000</v>
      </c>
      <c r="M37" s="48">
        <v>80440.843899999993</v>
      </c>
      <c r="N37" s="48">
        <v>122871.1675</v>
      </c>
      <c r="O37" s="48">
        <v>67676.988600000012</v>
      </c>
      <c r="P37" s="48">
        <v>11202.8</v>
      </c>
      <c r="Q37" s="48">
        <v>0</v>
      </c>
      <c r="R37" s="48">
        <v>0</v>
      </c>
      <c r="S37" s="48">
        <v>0</v>
      </c>
      <c r="T37" s="48">
        <v>0</v>
      </c>
      <c r="U37" s="48">
        <v>0</v>
      </c>
      <c r="V37" s="48">
        <v>0</v>
      </c>
    </row>
    <row r="38" spans="1:22">
      <c r="A38" s="55" t="s">
        <v>77</v>
      </c>
      <c r="B38" s="52">
        <v>4770.1000000000004</v>
      </c>
      <c r="C38" s="51">
        <v>0</v>
      </c>
      <c r="D38" s="51">
        <v>0</v>
      </c>
      <c r="E38" s="51">
        <v>0</v>
      </c>
      <c r="F38" s="51">
        <v>0</v>
      </c>
      <c r="G38" s="51">
        <v>0</v>
      </c>
      <c r="H38" s="51">
        <v>0</v>
      </c>
      <c r="I38" s="51">
        <v>0</v>
      </c>
      <c r="J38" s="51">
        <v>0</v>
      </c>
      <c r="K38" s="51">
        <v>0</v>
      </c>
      <c r="L38" s="51">
        <v>0</v>
      </c>
      <c r="M38" s="51"/>
      <c r="N38" s="51"/>
      <c r="O38" s="51"/>
      <c r="P38" s="51"/>
      <c r="Q38" s="51"/>
      <c r="R38" s="51"/>
      <c r="S38" s="51"/>
      <c r="T38" s="51"/>
      <c r="U38" s="51"/>
      <c r="V38" s="51"/>
    </row>
    <row r="39" spans="1:22">
      <c r="A39" s="56" t="s">
        <v>78</v>
      </c>
      <c r="B39" s="48">
        <v>79503.405120459662</v>
      </c>
      <c r="C39" s="45">
        <v>0</v>
      </c>
      <c r="D39" s="45">
        <v>0</v>
      </c>
      <c r="E39" s="45">
        <v>0</v>
      </c>
      <c r="F39" s="45">
        <v>0</v>
      </c>
      <c r="G39" s="45">
        <v>0</v>
      </c>
      <c r="H39" s="45">
        <v>0</v>
      </c>
      <c r="I39" s="45">
        <v>0</v>
      </c>
      <c r="J39" s="45">
        <v>0</v>
      </c>
      <c r="K39" s="45">
        <v>0</v>
      </c>
      <c r="L39" s="53">
        <v>0</v>
      </c>
      <c r="M39" s="53">
        <v>0</v>
      </c>
      <c r="N39" s="53">
        <v>0</v>
      </c>
      <c r="O39" s="53">
        <v>0</v>
      </c>
      <c r="P39" s="53">
        <v>0</v>
      </c>
      <c r="Q39" s="53">
        <v>0</v>
      </c>
      <c r="R39" s="53">
        <v>0</v>
      </c>
      <c r="S39" s="53">
        <v>0</v>
      </c>
      <c r="T39" s="53">
        <v>0</v>
      </c>
      <c r="U39" s="53">
        <v>0</v>
      </c>
      <c r="V39" s="53">
        <v>-79503.405120459662</v>
      </c>
    </row>
    <row r="40" spans="1:22">
      <c r="A40" s="45"/>
      <c r="B40" s="45"/>
      <c r="C40" s="45"/>
      <c r="D40" s="45"/>
      <c r="E40" s="45"/>
      <c r="F40" s="45"/>
      <c r="G40" s="45"/>
      <c r="H40" s="45"/>
      <c r="I40" s="45"/>
      <c r="J40" s="45"/>
      <c r="K40" s="45"/>
      <c r="L40" s="45"/>
      <c r="M40" s="45"/>
      <c r="N40" s="45"/>
      <c r="O40" s="45"/>
      <c r="P40" s="45"/>
      <c r="Q40" s="45"/>
      <c r="R40" s="45"/>
      <c r="S40" s="45"/>
      <c r="T40" s="45"/>
      <c r="U40" s="45"/>
      <c r="V40" s="45"/>
    </row>
    <row r="41" spans="1:22">
      <c r="A41" s="51" t="s">
        <v>79</v>
      </c>
      <c r="B41" s="52">
        <v>0</v>
      </c>
      <c r="C41" s="52">
        <v>0</v>
      </c>
      <c r="D41" s="52">
        <v>0</v>
      </c>
      <c r="E41" s="52">
        <v>0</v>
      </c>
      <c r="F41" s="52">
        <v>0</v>
      </c>
      <c r="G41" s="52">
        <v>0</v>
      </c>
      <c r="H41" s="52">
        <v>0</v>
      </c>
      <c r="I41" s="52">
        <v>0</v>
      </c>
      <c r="J41" s="52">
        <v>0</v>
      </c>
      <c r="K41" s="52">
        <v>0</v>
      </c>
      <c r="L41" s="52">
        <v>0</v>
      </c>
      <c r="M41" s="52">
        <v>0</v>
      </c>
      <c r="N41" s="52">
        <v>0</v>
      </c>
      <c r="O41" s="52">
        <v>0</v>
      </c>
      <c r="P41" s="52">
        <v>0</v>
      </c>
      <c r="Q41" s="52">
        <v>0</v>
      </c>
      <c r="R41" s="52">
        <v>0</v>
      </c>
      <c r="S41" s="52">
        <v>0</v>
      </c>
      <c r="T41" s="52">
        <v>0</v>
      </c>
      <c r="U41" s="52">
        <v>0</v>
      </c>
      <c r="V41" s="52">
        <v>2544.0533333333337</v>
      </c>
    </row>
    <row r="42" spans="1:22">
      <c r="A42" s="45" t="s">
        <v>80</v>
      </c>
      <c r="B42" s="45"/>
      <c r="C42" s="53">
        <v>0</v>
      </c>
      <c r="D42" s="53">
        <v>0</v>
      </c>
      <c r="E42" s="53">
        <v>0</v>
      </c>
      <c r="F42" s="53">
        <v>0</v>
      </c>
      <c r="G42" s="53">
        <v>0</v>
      </c>
      <c r="H42" s="53">
        <v>0</v>
      </c>
      <c r="I42" s="53">
        <v>0</v>
      </c>
      <c r="J42" s="53">
        <v>0</v>
      </c>
      <c r="K42" s="53">
        <v>0</v>
      </c>
      <c r="L42" s="53">
        <v>0</v>
      </c>
      <c r="M42" s="53">
        <v>0</v>
      </c>
      <c r="N42" s="53">
        <v>0</v>
      </c>
      <c r="O42" s="53">
        <v>0</v>
      </c>
      <c r="P42" s="53">
        <v>0</v>
      </c>
      <c r="Q42" s="53">
        <v>0</v>
      </c>
      <c r="R42" s="53">
        <v>0</v>
      </c>
      <c r="S42" s="53">
        <v>0</v>
      </c>
      <c r="T42" s="53">
        <v>0</v>
      </c>
      <c r="U42" s="53">
        <v>0</v>
      </c>
      <c r="V42" s="53">
        <v>0</v>
      </c>
    </row>
    <row r="43" spans="1:22">
      <c r="A43" s="51" t="s">
        <v>81</v>
      </c>
      <c r="B43" s="51"/>
      <c r="C43" s="51">
        <v>0</v>
      </c>
      <c r="D43" s="51">
        <v>0</v>
      </c>
      <c r="E43" s="51">
        <v>0</v>
      </c>
      <c r="F43" s="51">
        <v>0</v>
      </c>
      <c r="G43" s="51">
        <v>0</v>
      </c>
      <c r="H43" s="51">
        <v>0</v>
      </c>
      <c r="I43" s="51">
        <v>0</v>
      </c>
      <c r="J43" s="51">
        <v>0</v>
      </c>
      <c r="K43" s="51">
        <v>0</v>
      </c>
      <c r="L43" s="52">
        <v>0</v>
      </c>
      <c r="M43" s="51">
        <v>0</v>
      </c>
      <c r="N43" s="51">
        <v>0</v>
      </c>
      <c r="O43" s="51">
        <v>0</v>
      </c>
      <c r="P43" s="51">
        <v>0</v>
      </c>
      <c r="Q43" s="51">
        <v>0</v>
      </c>
      <c r="R43" s="51">
        <v>0</v>
      </c>
      <c r="S43" s="51">
        <v>0</v>
      </c>
      <c r="T43" s="51">
        <v>0</v>
      </c>
      <c r="U43" s="51">
        <v>0</v>
      </c>
      <c r="V43" s="51">
        <v>2544.0533333333337</v>
      </c>
    </row>
    <row r="44" spans="1:22">
      <c r="A44" s="45"/>
      <c r="B44" s="45"/>
      <c r="C44" s="45"/>
      <c r="D44" s="45"/>
      <c r="E44" s="45"/>
      <c r="F44" s="45"/>
      <c r="G44" s="45"/>
      <c r="H44" s="45"/>
      <c r="I44" s="45"/>
      <c r="J44" s="45"/>
      <c r="K44" s="45"/>
      <c r="L44" s="45"/>
      <c r="M44" s="45"/>
      <c r="N44" s="45"/>
      <c r="O44" s="45"/>
      <c r="P44" s="45"/>
      <c r="Q44" s="45"/>
      <c r="R44" s="45"/>
      <c r="S44" s="45"/>
      <c r="T44" s="45"/>
      <c r="U44" s="45"/>
      <c r="V44" s="45"/>
    </row>
    <row r="45" spans="1:22">
      <c r="A45" s="59" t="s">
        <v>82</v>
      </c>
      <c r="B45" s="60">
        <v>-4383922.045120459</v>
      </c>
      <c r="C45" s="60">
        <v>704998.83018020797</v>
      </c>
      <c r="D45" s="60">
        <v>670923.74597020797</v>
      </c>
      <c r="E45" s="60">
        <v>730719.9600950079</v>
      </c>
      <c r="F45" s="60">
        <v>783070.09109500796</v>
      </c>
      <c r="G45" s="60">
        <v>794272.891095008</v>
      </c>
      <c r="H45" s="60">
        <v>786558.91370980802</v>
      </c>
      <c r="I45" s="60">
        <v>778203.67431980802</v>
      </c>
      <c r="J45" s="60">
        <v>773601.63909500802</v>
      </c>
      <c r="K45" s="60">
        <v>772839.84869500808</v>
      </c>
      <c r="L45" s="60">
        <v>721579.84869500808</v>
      </c>
      <c r="M45" s="60">
        <v>706494.83018020797</v>
      </c>
      <c r="N45" s="60">
        <v>-3477114.1065914026</v>
      </c>
      <c r="O45" s="60">
        <v>931803.07230859785</v>
      </c>
      <c r="P45" s="60">
        <v>980874.46090859803</v>
      </c>
      <c r="Q45" s="60">
        <v>-3361645.7390914019</v>
      </c>
      <c r="R45" s="60">
        <v>992077.26090859808</v>
      </c>
      <c r="S45" s="60">
        <v>992077.26090859808</v>
      </c>
      <c r="T45" s="60">
        <v>992077.26090859808</v>
      </c>
      <c r="U45" s="60">
        <v>992077.26090859808</v>
      </c>
      <c r="V45" s="60">
        <v>1074124.7193623909</v>
      </c>
    </row>
    <row r="46" spans="1:22">
      <c r="A46" s="45"/>
      <c r="B46" s="53"/>
      <c r="C46" s="53"/>
      <c r="D46" s="53"/>
      <c r="E46" s="53"/>
      <c r="F46" s="53"/>
      <c r="G46" s="53"/>
      <c r="H46" s="53"/>
      <c r="I46" s="53"/>
      <c r="J46" s="53"/>
      <c r="K46" s="53"/>
      <c r="L46" s="53"/>
      <c r="M46" s="53"/>
      <c r="N46" s="53"/>
      <c r="O46" s="53"/>
      <c r="P46" s="53"/>
      <c r="Q46" s="53"/>
      <c r="R46" s="53"/>
      <c r="S46" s="53"/>
      <c r="T46" s="53"/>
      <c r="U46" s="53"/>
      <c r="V46" s="53"/>
    </row>
    <row r="47" spans="1:22">
      <c r="A47" s="39"/>
      <c r="B47" s="45"/>
      <c r="C47" s="45"/>
      <c r="D47" s="45"/>
      <c r="E47" s="45"/>
      <c r="F47" s="45"/>
      <c r="G47" s="45"/>
      <c r="H47" s="45"/>
      <c r="I47" s="45"/>
      <c r="J47" s="45"/>
      <c r="K47" s="45"/>
      <c r="L47" s="45"/>
      <c r="M47" s="45"/>
      <c r="N47" s="45"/>
      <c r="O47" s="45"/>
      <c r="P47" s="45"/>
      <c r="Q47" s="45"/>
      <c r="R47" s="45"/>
      <c r="S47" s="45"/>
      <c r="T47" s="45"/>
      <c r="U47" s="45"/>
      <c r="V47" s="45"/>
    </row>
    <row r="48" spans="1:22">
      <c r="A48" s="45"/>
      <c r="B48" s="45"/>
      <c r="C48" s="45"/>
      <c r="D48" s="45"/>
      <c r="E48" s="45"/>
      <c r="F48" s="45"/>
      <c r="G48" s="45"/>
      <c r="H48" s="45"/>
      <c r="I48" s="45"/>
      <c r="J48" s="45"/>
      <c r="K48" s="45"/>
      <c r="L48" s="45"/>
      <c r="M48" s="45"/>
      <c r="N48" s="45"/>
      <c r="O48" s="45"/>
      <c r="P48" s="45"/>
      <c r="Q48" s="45"/>
      <c r="R48" s="45"/>
      <c r="S48" s="45"/>
      <c r="T48" s="45"/>
      <c r="U48" s="45"/>
      <c r="V48" s="45"/>
    </row>
    <row r="49" spans="1:22" ht="12" thickBot="1"/>
    <row r="50" spans="1:22" ht="16.5" thickBot="1">
      <c r="A50" s="184" t="s">
        <v>57</v>
      </c>
      <c r="B50" s="185">
        <v>9.8500000000000004E-2</v>
      </c>
      <c r="C50" s="45"/>
      <c r="D50" s="45"/>
      <c r="E50" s="45"/>
      <c r="F50" s="45"/>
      <c r="G50" s="45"/>
      <c r="H50" s="45"/>
      <c r="I50" s="45"/>
      <c r="J50" s="45"/>
      <c r="K50" s="45"/>
      <c r="L50" s="45"/>
      <c r="M50" s="45"/>
      <c r="N50" s="45"/>
      <c r="O50" s="45"/>
      <c r="P50" s="45"/>
      <c r="Q50" s="45"/>
      <c r="R50" s="45"/>
      <c r="S50" s="45"/>
      <c r="T50" s="45"/>
      <c r="U50" s="45"/>
      <c r="V50" s="45"/>
    </row>
    <row r="51" spans="1:22">
      <c r="A51" s="45"/>
      <c r="B51" s="62"/>
      <c r="C51" s="45"/>
      <c r="D51" s="45"/>
      <c r="E51" s="45"/>
      <c r="F51" s="45"/>
      <c r="G51" s="45"/>
      <c r="H51" s="45"/>
      <c r="I51" s="45"/>
      <c r="K51" s="48"/>
      <c r="L51" s="53"/>
      <c r="M51" s="84"/>
      <c r="N51" s="45"/>
      <c r="O51" s="45"/>
      <c r="P51" s="45"/>
      <c r="Q51" s="45"/>
      <c r="R51" s="45"/>
      <c r="S51" s="45"/>
      <c r="T51" s="45"/>
      <c r="U51" s="45"/>
      <c r="V51" s="45"/>
    </row>
    <row r="52" spans="1:22">
      <c r="A52" s="45"/>
      <c r="B52" s="62"/>
      <c r="C52" s="45"/>
      <c r="D52" s="45"/>
      <c r="E52" s="45"/>
      <c r="F52" s="45"/>
      <c r="G52" s="45"/>
      <c r="H52" s="45"/>
      <c r="K52" s="37"/>
      <c r="M52" s="45"/>
      <c r="N52" s="45"/>
      <c r="O52" s="45"/>
      <c r="P52" s="45"/>
      <c r="Q52" s="45"/>
      <c r="R52" s="45"/>
      <c r="S52" s="45"/>
      <c r="T52" s="45"/>
      <c r="U52" s="45"/>
      <c r="V52" s="45"/>
    </row>
    <row r="53" spans="1:22">
      <c r="A53" s="45"/>
      <c r="B53" s="45"/>
      <c r="C53" s="45"/>
      <c r="D53" s="45"/>
      <c r="E53" s="45"/>
      <c r="F53" s="45"/>
      <c r="G53" s="45"/>
      <c r="H53" s="45"/>
      <c r="I53" s="45"/>
      <c r="J53" s="45"/>
      <c r="K53" s="45"/>
      <c r="L53" s="45"/>
      <c r="M53" s="45"/>
      <c r="N53" s="45"/>
      <c r="O53" s="45"/>
      <c r="P53" s="45"/>
      <c r="Q53" s="45"/>
      <c r="R53" s="45"/>
      <c r="S53" s="45"/>
      <c r="T53" s="45"/>
      <c r="U53" s="45"/>
      <c r="V53" s="45"/>
    </row>
    <row r="54" spans="1:22" ht="18">
      <c r="A54" s="183" t="s">
        <v>155</v>
      </c>
      <c r="B54" s="45"/>
      <c r="C54" s="45"/>
      <c r="D54" s="45"/>
      <c r="E54" s="45"/>
      <c r="F54" s="45"/>
      <c r="G54" s="45"/>
      <c r="H54" s="45"/>
      <c r="I54" s="45"/>
      <c r="J54" s="45"/>
      <c r="K54" s="45"/>
      <c r="L54" s="45"/>
      <c r="M54" s="45"/>
      <c r="N54" s="45"/>
      <c r="O54" s="45"/>
      <c r="P54" s="45"/>
      <c r="Q54" s="45"/>
      <c r="R54" s="45"/>
      <c r="S54" s="45"/>
      <c r="T54" s="45"/>
      <c r="U54" s="45"/>
      <c r="V54" s="45"/>
    </row>
    <row r="55" spans="1:22">
      <c r="A55" s="64" t="s">
        <v>83</v>
      </c>
      <c r="B55" s="65"/>
      <c r="C55" s="67">
        <v>369949.51141333336</v>
      </c>
      <c r="D55" s="67">
        <v>394523.74491333333</v>
      </c>
      <c r="E55" s="67">
        <v>408059.14263333334</v>
      </c>
      <c r="F55" s="67">
        <v>410299.70263333333</v>
      </c>
      <c r="G55" s="67">
        <v>410299.70263333333</v>
      </c>
      <c r="H55" s="67">
        <v>387611.53385333333</v>
      </c>
      <c r="I55" s="67">
        <v>363037.30035333335</v>
      </c>
      <c r="J55" s="67">
        <v>349501.90263333335</v>
      </c>
      <c r="K55" s="67">
        <v>347261.34263333335</v>
      </c>
      <c r="L55" s="67">
        <v>358261.34263333335</v>
      </c>
      <c r="M55" s="67">
        <v>374349.51141333336</v>
      </c>
      <c r="N55" s="67">
        <v>1168600.4035133333</v>
      </c>
      <c r="O55" s="67">
        <v>1182135.8012333333</v>
      </c>
      <c r="P55" s="67">
        <v>1184376.3612333334</v>
      </c>
      <c r="Q55" s="67">
        <v>1749664.1623333334</v>
      </c>
      <c r="R55" s="67">
        <v>1733575.9935533332</v>
      </c>
      <c r="S55" s="67">
        <v>1709001.7600533334</v>
      </c>
      <c r="T55" s="67">
        <v>1695466.3623333334</v>
      </c>
      <c r="U55" s="67">
        <v>1693225.8023333333</v>
      </c>
      <c r="V55" s="67">
        <v>1693114.5</v>
      </c>
    </row>
    <row r="56" spans="1:22">
      <c r="A56" s="69" t="s">
        <v>84</v>
      </c>
      <c r="B56" s="70"/>
      <c r="C56" s="72">
        <v>347150.04029999999</v>
      </c>
      <c r="D56" s="72">
        <v>347150.04029999999</v>
      </c>
      <c r="E56" s="72">
        <v>347150.04029999999</v>
      </c>
      <c r="F56" s="72">
        <v>347150.04029999999</v>
      </c>
      <c r="G56" s="72">
        <v>347150.04029999999</v>
      </c>
      <c r="H56" s="72">
        <v>347150.04029999999</v>
      </c>
      <c r="I56" s="72">
        <v>347150.04029999999</v>
      </c>
      <c r="J56" s="72">
        <v>347150.04029999999</v>
      </c>
      <c r="K56" s="72">
        <v>347150.04029999999</v>
      </c>
      <c r="L56" s="72">
        <v>347150.04029999999</v>
      </c>
      <c r="M56" s="72">
        <v>347150.04029999999</v>
      </c>
      <c r="N56" s="72">
        <v>1116826.6989</v>
      </c>
      <c r="O56" s="72">
        <v>1116826.6989</v>
      </c>
      <c r="P56" s="72">
        <v>1116826.6989</v>
      </c>
      <c r="Q56" s="72">
        <v>1693114.5</v>
      </c>
      <c r="R56" s="72">
        <v>1693114.5</v>
      </c>
      <c r="S56" s="72">
        <v>1693114.5</v>
      </c>
      <c r="T56" s="72">
        <v>1693114.5</v>
      </c>
      <c r="U56" s="72">
        <v>1693114.5</v>
      </c>
      <c r="V56" s="72">
        <v>1693114.5</v>
      </c>
    </row>
    <row r="57" spans="1:22">
      <c r="A57" s="74" t="s">
        <v>85</v>
      </c>
      <c r="B57" s="45"/>
      <c r="C57" s="48">
        <v>111.30233333333334</v>
      </c>
      <c r="D57" s="48">
        <v>111.30233333333334</v>
      </c>
      <c r="E57" s="48">
        <v>111.30233333333334</v>
      </c>
      <c r="F57" s="48">
        <v>111.30233333333334</v>
      </c>
      <c r="G57" s="48">
        <v>111.30233333333334</v>
      </c>
      <c r="H57" s="48">
        <v>111.30233333333334</v>
      </c>
      <c r="I57" s="48">
        <v>111.30233333333334</v>
      </c>
      <c r="J57" s="48">
        <v>111.30233333333334</v>
      </c>
      <c r="K57" s="48">
        <v>111.30233333333334</v>
      </c>
      <c r="L57" s="48">
        <v>111.30233333333334</v>
      </c>
      <c r="M57" s="48">
        <v>111.30233333333334</v>
      </c>
      <c r="N57" s="48">
        <v>111.30233333333334</v>
      </c>
      <c r="O57" s="48">
        <v>111.30233333333334</v>
      </c>
      <c r="P57" s="48">
        <v>111.30233333333334</v>
      </c>
      <c r="Q57" s="48">
        <v>111.30233333333334</v>
      </c>
      <c r="R57" s="48">
        <v>111.30233333333334</v>
      </c>
      <c r="S57" s="48">
        <v>111.30233333333334</v>
      </c>
      <c r="T57" s="48">
        <v>111.30233333333334</v>
      </c>
      <c r="U57" s="48">
        <v>111.30233333333334</v>
      </c>
      <c r="V57" s="48">
        <v>0</v>
      </c>
    </row>
    <row r="58" spans="1:22">
      <c r="A58" s="77" t="s">
        <v>86</v>
      </c>
      <c r="B58" s="78"/>
      <c r="C58" s="80">
        <v>22688.16878</v>
      </c>
      <c r="D58" s="80">
        <v>47262.402279999995</v>
      </c>
      <c r="E58" s="80">
        <v>60797.799999999996</v>
      </c>
      <c r="F58" s="80">
        <v>63038.359999999993</v>
      </c>
      <c r="G58" s="80">
        <v>63038.359999999993</v>
      </c>
      <c r="H58" s="80">
        <v>40350.191220000001</v>
      </c>
      <c r="I58" s="80">
        <v>15775.957720000002</v>
      </c>
      <c r="J58" s="80">
        <v>2240.56</v>
      </c>
      <c r="K58" s="80">
        <v>0</v>
      </c>
      <c r="L58" s="80">
        <v>11000</v>
      </c>
      <c r="M58" s="80">
        <v>27088.16878</v>
      </c>
      <c r="N58" s="80">
        <v>51662.402279999995</v>
      </c>
      <c r="O58" s="80">
        <v>65197.8</v>
      </c>
      <c r="P58" s="80">
        <v>67438.36</v>
      </c>
      <c r="Q58" s="80">
        <v>56438.36</v>
      </c>
      <c r="R58" s="80">
        <v>40350.191220000001</v>
      </c>
      <c r="S58" s="80">
        <v>15775.957720000002</v>
      </c>
      <c r="T58" s="80">
        <v>2240.56</v>
      </c>
      <c r="U58" s="80">
        <v>0</v>
      </c>
      <c r="V58" s="81">
        <v>0</v>
      </c>
    </row>
    <row r="88" spans="12:12" ht="12.75">
      <c r="L88" s="172" t="s">
        <v>163</v>
      </c>
    </row>
  </sheetData>
  <pageMargins left="0.24" right="0.26" top="0.5" bottom="0.78740157480314965" header="0.31496062992125984" footer="0.31496062992125984"/>
  <pageSetup paperSize="9" scale="49" orientation="landscape" r:id="rId1"/>
  <drawing r:id="rId2"/>
</worksheet>
</file>

<file path=xl/worksheets/sheet16.xml><?xml version="1.0" encoding="utf-8"?>
<worksheet xmlns="http://schemas.openxmlformats.org/spreadsheetml/2006/main" xmlns:r="http://schemas.openxmlformats.org/officeDocument/2006/relationships">
  <sheetPr codeName="Plan2">
    <pageSetUpPr fitToPage="1"/>
  </sheetPr>
  <dimension ref="A4:P88"/>
  <sheetViews>
    <sheetView view="pageBreakPreview" topLeftCell="A62" zoomScale="80" zoomScaleNormal="100" zoomScaleSheetLayoutView="80" workbookViewId="0">
      <selection activeCell="F87" sqref="F87"/>
    </sheetView>
  </sheetViews>
  <sheetFormatPr defaultRowHeight="12.75"/>
  <cols>
    <col min="1" max="1" width="24.7109375" style="2" customWidth="1"/>
    <col min="2" max="2" width="10.28515625" style="2" customWidth="1"/>
    <col min="3" max="11" width="16" style="2" customWidth="1"/>
    <col min="12" max="12" width="11.140625" style="2" customWidth="1"/>
    <col min="13" max="13" width="10.7109375" customWidth="1"/>
    <col min="14" max="14" width="10.7109375" bestFit="1" customWidth="1"/>
    <col min="16" max="16" width="14" bestFit="1" customWidth="1"/>
    <col min="17" max="17" width="11.28515625" bestFit="1" customWidth="1"/>
    <col min="19" max="20" width="9.28515625" bestFit="1" customWidth="1"/>
  </cols>
  <sheetData>
    <row r="4" spans="1:16" ht="18">
      <c r="A4" s="165" t="s">
        <v>95</v>
      </c>
      <c r="H4" s="85"/>
      <c r="I4" s="38"/>
    </row>
    <row r="5" spans="1:16">
      <c r="A5" s="1"/>
      <c r="H5" s="85"/>
      <c r="I5" s="38"/>
    </row>
    <row r="6" spans="1:16" ht="13.5" thickBot="1">
      <c r="B6" s="37"/>
      <c r="C6" s="37"/>
      <c r="D6" s="37"/>
      <c r="E6" s="37"/>
      <c r="F6" s="37"/>
      <c r="G6" s="37"/>
      <c r="H6" s="37"/>
      <c r="I6" s="37"/>
      <c r="J6" s="37"/>
      <c r="K6" s="37"/>
      <c r="L6" s="37"/>
      <c r="M6" s="86"/>
    </row>
    <row r="7" spans="1:16" ht="22.5">
      <c r="A7" s="87" t="s">
        <v>96</v>
      </c>
      <c r="B7" s="88" t="s">
        <v>45</v>
      </c>
      <c r="C7" s="88" t="s">
        <v>46</v>
      </c>
      <c r="D7" s="88" t="s">
        <v>47</v>
      </c>
      <c r="E7" s="88" t="s">
        <v>48</v>
      </c>
      <c r="F7" s="88" t="s">
        <v>97</v>
      </c>
      <c r="G7" s="88" t="s">
        <v>50</v>
      </c>
      <c r="H7" s="88" t="s">
        <v>51</v>
      </c>
      <c r="I7" s="88" t="s">
        <v>53</v>
      </c>
      <c r="J7" s="88" t="s">
        <v>54</v>
      </c>
      <c r="K7" s="88" t="s">
        <v>98</v>
      </c>
      <c r="L7" s="88" t="s">
        <v>99</v>
      </c>
      <c r="M7" s="89" t="s">
        <v>100</v>
      </c>
    </row>
    <row r="8" spans="1:16">
      <c r="A8" s="90" t="s">
        <v>101</v>
      </c>
      <c r="B8" s="91"/>
      <c r="C8" s="92"/>
      <c r="D8" s="92"/>
      <c r="E8" s="92"/>
      <c r="F8" s="92"/>
      <c r="G8" s="92"/>
      <c r="H8" s="92"/>
      <c r="I8" s="92"/>
      <c r="J8" s="92"/>
      <c r="K8" s="92"/>
      <c r="L8" s="93"/>
      <c r="M8" s="94"/>
    </row>
    <row r="9" spans="1:16" hidden="1">
      <c r="A9" s="95" t="s">
        <v>102</v>
      </c>
      <c r="B9" s="96">
        <v>21</v>
      </c>
      <c r="C9" s="96">
        <v>37</v>
      </c>
      <c r="D9" s="96">
        <v>70</v>
      </c>
      <c r="E9" s="96">
        <v>68</v>
      </c>
      <c r="F9" s="96">
        <v>91</v>
      </c>
      <c r="G9" s="96">
        <v>118</v>
      </c>
      <c r="H9" s="96">
        <v>94</v>
      </c>
      <c r="I9" s="96">
        <v>102</v>
      </c>
      <c r="J9" s="96">
        <v>170</v>
      </c>
      <c r="K9" s="96"/>
      <c r="L9" s="97">
        <v>91</v>
      </c>
      <c r="M9" s="94"/>
    </row>
    <row r="10" spans="1:16" hidden="1">
      <c r="A10" s="95" t="s">
        <v>103</v>
      </c>
      <c r="B10" s="96">
        <v>21</v>
      </c>
      <c r="C10" s="96">
        <v>42</v>
      </c>
      <c r="D10" s="96">
        <v>78</v>
      </c>
      <c r="E10" s="96">
        <v>75</v>
      </c>
      <c r="F10" s="96">
        <v>101</v>
      </c>
      <c r="G10" s="96">
        <v>132</v>
      </c>
      <c r="H10" s="96">
        <v>105</v>
      </c>
      <c r="I10" s="96">
        <v>114</v>
      </c>
      <c r="J10" s="96">
        <v>189</v>
      </c>
      <c r="K10" s="96"/>
      <c r="L10" s="97">
        <v>101</v>
      </c>
      <c r="M10" s="94"/>
    </row>
    <row r="11" spans="1:16" s="101" customFormat="1">
      <c r="A11" s="98" t="s">
        <v>104</v>
      </c>
      <c r="B11" s="99">
        <v>5876</v>
      </c>
      <c r="C11" s="99">
        <v>5876</v>
      </c>
      <c r="D11" s="99">
        <v>5876</v>
      </c>
      <c r="E11" s="99">
        <v>5876</v>
      </c>
      <c r="F11" s="99">
        <v>5876</v>
      </c>
      <c r="G11" s="99">
        <v>5876</v>
      </c>
      <c r="H11" s="99">
        <v>5876</v>
      </c>
      <c r="I11" s="99">
        <v>5876</v>
      </c>
      <c r="J11" s="99">
        <v>5876</v>
      </c>
      <c r="K11" s="99">
        <v>5876</v>
      </c>
      <c r="L11" s="32">
        <v>5876</v>
      </c>
      <c r="M11" s="100">
        <v>5876</v>
      </c>
    </row>
    <row r="12" spans="1:16" s="101" customFormat="1">
      <c r="A12" s="98" t="s">
        <v>105</v>
      </c>
      <c r="B12" s="102">
        <v>0.04</v>
      </c>
      <c r="C12" s="102">
        <v>0.04</v>
      </c>
      <c r="D12" s="102">
        <v>0.04</v>
      </c>
      <c r="E12" s="102">
        <v>0.04</v>
      </c>
      <c r="F12" s="102">
        <v>0.04</v>
      </c>
      <c r="G12" s="102">
        <v>0.04</v>
      </c>
      <c r="H12" s="102">
        <v>0.04</v>
      </c>
      <c r="I12" s="102">
        <v>0.04</v>
      </c>
      <c r="J12" s="102">
        <v>0.04</v>
      </c>
      <c r="K12" s="102">
        <v>0.04</v>
      </c>
      <c r="L12" s="102">
        <v>0.04</v>
      </c>
      <c r="M12" s="143">
        <v>0.04</v>
      </c>
    </row>
    <row r="13" spans="1:16">
      <c r="A13" s="103" t="s">
        <v>106</v>
      </c>
      <c r="B13" s="104">
        <v>6111.04</v>
      </c>
      <c r="C13" s="104">
        <v>6111.04</v>
      </c>
      <c r="D13" s="104">
        <v>6111.04</v>
      </c>
      <c r="E13" s="104">
        <v>6111.04</v>
      </c>
      <c r="F13" s="104">
        <v>6111.04</v>
      </c>
      <c r="G13" s="104">
        <v>6111.04</v>
      </c>
      <c r="H13" s="104">
        <v>6111.04</v>
      </c>
      <c r="I13" s="104">
        <v>6111.04</v>
      </c>
      <c r="J13" s="104">
        <v>6111.04</v>
      </c>
      <c r="K13" s="104">
        <v>6111.04</v>
      </c>
      <c r="L13" s="76">
        <v>6111.04</v>
      </c>
      <c r="M13" s="105">
        <v>6111.04</v>
      </c>
    </row>
    <row r="14" spans="1:16" s="101" customFormat="1">
      <c r="A14" s="98" t="s">
        <v>107</v>
      </c>
      <c r="B14" s="99">
        <v>293083.95</v>
      </c>
      <c r="C14" s="99">
        <v>241987.55</v>
      </c>
      <c r="D14" s="99">
        <v>308113.28999999998</v>
      </c>
      <c r="E14" s="99">
        <v>471388.5</v>
      </c>
      <c r="F14" s="99">
        <v>565666.19999999995</v>
      </c>
      <c r="G14" s="99">
        <v>827854.6</v>
      </c>
      <c r="H14" s="99">
        <v>853141.58</v>
      </c>
      <c r="I14" s="99">
        <v>888255.89</v>
      </c>
      <c r="J14" s="99">
        <v>1082767.73</v>
      </c>
      <c r="K14" s="99">
        <v>672655.5</v>
      </c>
      <c r="L14" s="32">
        <v>870744.6</v>
      </c>
      <c r="M14" s="106">
        <v>870744.6</v>
      </c>
      <c r="O14" s="31"/>
      <c r="P14" s="31"/>
    </row>
    <row r="15" spans="1:16" s="101" customFormat="1">
      <c r="A15" s="98" t="s">
        <v>108</v>
      </c>
      <c r="B15" s="99">
        <v>1009</v>
      </c>
      <c r="C15" s="99">
        <v>777</v>
      </c>
      <c r="D15" s="99">
        <v>1009</v>
      </c>
      <c r="E15" s="99">
        <v>1372</v>
      </c>
      <c r="F15" s="99">
        <v>1372</v>
      </c>
      <c r="G15" s="99">
        <v>1372</v>
      </c>
      <c r="H15" s="99">
        <v>1372</v>
      </c>
      <c r="I15" s="99">
        <v>1372</v>
      </c>
      <c r="J15" s="99">
        <v>1372</v>
      </c>
      <c r="K15" s="99">
        <v>1372</v>
      </c>
      <c r="L15" s="99">
        <v>1372</v>
      </c>
      <c r="M15" s="107">
        <v>1372</v>
      </c>
    </row>
    <row r="16" spans="1:16" s="101" customFormat="1" hidden="1">
      <c r="A16" s="98" t="s">
        <v>109</v>
      </c>
      <c r="B16" s="99">
        <v>0</v>
      </c>
      <c r="C16" s="99">
        <v>0</v>
      </c>
      <c r="D16" s="99">
        <v>0</v>
      </c>
      <c r="E16" s="99">
        <v>0</v>
      </c>
      <c r="F16" s="99">
        <v>0</v>
      </c>
      <c r="G16" s="99">
        <v>0</v>
      </c>
      <c r="H16" s="99">
        <v>0</v>
      </c>
      <c r="I16" s="99">
        <v>0</v>
      </c>
      <c r="J16" s="99">
        <v>0</v>
      </c>
      <c r="K16" s="99">
        <v>0</v>
      </c>
      <c r="L16" s="32">
        <v>0</v>
      </c>
      <c r="M16" s="108"/>
    </row>
    <row r="17" spans="1:16" s="101" customFormat="1">
      <c r="A17" s="98" t="s">
        <v>110</v>
      </c>
      <c r="B17" s="99">
        <v>6</v>
      </c>
      <c r="C17" s="99">
        <v>6</v>
      </c>
      <c r="D17" s="99">
        <v>6</v>
      </c>
      <c r="E17" s="99">
        <v>6</v>
      </c>
      <c r="F17" s="99">
        <v>8</v>
      </c>
      <c r="G17" s="99">
        <v>10</v>
      </c>
      <c r="H17" s="99">
        <v>10</v>
      </c>
      <c r="I17" s="99">
        <v>12</v>
      </c>
      <c r="J17" s="99">
        <v>14</v>
      </c>
      <c r="K17" s="99">
        <v>6</v>
      </c>
      <c r="L17" s="32">
        <v>8</v>
      </c>
      <c r="M17" s="100">
        <v>8</v>
      </c>
    </row>
    <row r="18" spans="1:16" s="101" customFormat="1">
      <c r="A18" s="98" t="s">
        <v>111</v>
      </c>
      <c r="B18" s="99">
        <v>287029.95</v>
      </c>
      <c r="C18" s="99">
        <v>237325.55</v>
      </c>
      <c r="D18" s="99">
        <v>302059.28999999998</v>
      </c>
      <c r="E18" s="99">
        <v>463156.5</v>
      </c>
      <c r="F18" s="99">
        <v>554690.19999999995</v>
      </c>
      <c r="G18" s="99">
        <v>814134.6</v>
      </c>
      <c r="H18" s="99">
        <v>839421.58</v>
      </c>
      <c r="I18" s="99">
        <v>871791.89</v>
      </c>
      <c r="J18" s="99">
        <v>1063559.73</v>
      </c>
      <c r="K18" s="99">
        <v>664423.5</v>
      </c>
      <c r="L18" s="99">
        <v>859768.6</v>
      </c>
      <c r="M18" s="107">
        <v>859768.6</v>
      </c>
    </row>
    <row r="19" spans="1:16" s="101" customFormat="1" hidden="1">
      <c r="A19" s="109" t="s">
        <v>112</v>
      </c>
      <c r="B19" s="110">
        <v>0</v>
      </c>
      <c r="C19" s="110">
        <v>0</v>
      </c>
      <c r="D19" s="110">
        <v>0</v>
      </c>
      <c r="E19" s="110">
        <v>0</v>
      </c>
      <c r="F19" s="110">
        <v>0</v>
      </c>
      <c r="G19" s="110">
        <v>0</v>
      </c>
      <c r="H19" s="110">
        <v>0</v>
      </c>
      <c r="I19" s="110">
        <v>0</v>
      </c>
      <c r="J19" s="110">
        <v>0</v>
      </c>
      <c r="K19" s="110">
        <v>0</v>
      </c>
      <c r="L19" s="110">
        <v>0</v>
      </c>
      <c r="M19" s="108"/>
    </row>
    <row r="20" spans="1:16" ht="12.75" hidden="1" customHeight="1">
      <c r="A20" s="103" t="s">
        <v>113</v>
      </c>
      <c r="B20" s="102">
        <v>0.1</v>
      </c>
      <c r="C20" s="102">
        <v>0.1</v>
      </c>
      <c r="D20" s="102">
        <v>0.1</v>
      </c>
      <c r="E20" s="102">
        <v>0.1</v>
      </c>
      <c r="F20" s="102">
        <v>0.1</v>
      </c>
      <c r="G20" s="102">
        <v>0.1</v>
      </c>
      <c r="H20" s="102">
        <v>0.1</v>
      </c>
      <c r="I20" s="102">
        <v>0.1</v>
      </c>
      <c r="J20" s="102">
        <v>0.1</v>
      </c>
      <c r="K20" s="102">
        <v>0.1</v>
      </c>
      <c r="L20" s="111">
        <v>0.1</v>
      </c>
      <c r="M20" s="94"/>
    </row>
    <row r="21" spans="1:16" ht="12.75" hidden="1" customHeight="1">
      <c r="A21" s="103" t="s">
        <v>114</v>
      </c>
      <c r="B21" s="104">
        <v>10</v>
      </c>
      <c r="C21" s="104">
        <v>10</v>
      </c>
      <c r="D21" s="104">
        <v>10</v>
      </c>
      <c r="E21" s="104">
        <v>10</v>
      </c>
      <c r="F21" s="104">
        <v>10</v>
      </c>
      <c r="G21" s="104">
        <v>10</v>
      </c>
      <c r="H21" s="104">
        <v>10</v>
      </c>
      <c r="I21" s="104">
        <v>10</v>
      </c>
      <c r="J21" s="104">
        <v>10</v>
      </c>
      <c r="K21" s="104">
        <v>10</v>
      </c>
      <c r="L21" s="76">
        <v>10</v>
      </c>
      <c r="M21" s="94"/>
    </row>
    <row r="22" spans="1:16" ht="12.75" hidden="1" customHeight="1">
      <c r="A22" s="103" t="s">
        <v>115</v>
      </c>
      <c r="B22" s="112">
        <v>0.09</v>
      </c>
      <c r="C22" s="112">
        <v>0.09</v>
      </c>
      <c r="D22" s="112">
        <v>0.09</v>
      </c>
      <c r="E22" s="112">
        <v>0.09</v>
      </c>
      <c r="F22" s="112">
        <v>0.09</v>
      </c>
      <c r="G22" s="112">
        <v>0.09</v>
      </c>
      <c r="H22" s="112">
        <v>0.09</v>
      </c>
      <c r="I22" s="112">
        <v>0.09</v>
      </c>
      <c r="J22" s="112">
        <v>0.09</v>
      </c>
      <c r="K22" s="112">
        <v>0.09</v>
      </c>
      <c r="L22" s="112">
        <v>0.09</v>
      </c>
      <c r="M22" s="113">
        <v>0.09</v>
      </c>
      <c r="O22" s="114"/>
    </row>
    <row r="23" spans="1:16" ht="12.75" customHeight="1">
      <c r="A23" s="103" t="s">
        <v>116</v>
      </c>
      <c r="B23" s="115">
        <v>0.4</v>
      </c>
      <c r="C23" s="115">
        <v>0.3</v>
      </c>
      <c r="D23" s="115">
        <v>0.46</v>
      </c>
      <c r="E23" s="115">
        <v>0.55000000000000004</v>
      </c>
      <c r="F23" s="115">
        <v>0.65</v>
      </c>
      <c r="G23" s="115">
        <v>0.71</v>
      </c>
      <c r="H23" s="115">
        <v>0.72</v>
      </c>
      <c r="I23" s="115">
        <v>0.75</v>
      </c>
      <c r="J23" s="115">
        <v>0.8</v>
      </c>
      <c r="K23" s="115">
        <v>2.9049999999999998</v>
      </c>
      <c r="L23" s="115">
        <v>2.9049999999999998</v>
      </c>
      <c r="M23" s="116">
        <v>2.9049999999999998</v>
      </c>
    </row>
    <row r="24" spans="1:16" ht="12.75" customHeight="1">
      <c r="A24" s="103" t="s">
        <v>117</v>
      </c>
      <c r="B24" s="115">
        <v>2.6259999999999999</v>
      </c>
      <c r="C24" s="117">
        <v>2.6259999999999999</v>
      </c>
      <c r="D24" s="117">
        <v>2.6259999999999999</v>
      </c>
      <c r="E24" s="117">
        <v>2.6259999999999999</v>
      </c>
      <c r="F24" s="117">
        <v>2.6259999999999999</v>
      </c>
      <c r="G24" s="117">
        <v>2.6259999999999999</v>
      </c>
      <c r="H24" s="117">
        <v>2.6259999999999999</v>
      </c>
      <c r="I24" s="117">
        <v>2.6259999999999999</v>
      </c>
      <c r="J24" s="117">
        <v>2.6259999999999999</v>
      </c>
      <c r="K24" s="115">
        <v>0.42887048750881046</v>
      </c>
      <c r="L24" s="117">
        <v>0.42887048750881046</v>
      </c>
      <c r="M24" s="144">
        <v>0.42887048750881046</v>
      </c>
    </row>
    <row r="25" spans="1:16" ht="12.75" customHeight="1">
      <c r="A25" s="118" t="s">
        <v>118</v>
      </c>
      <c r="B25" s="115">
        <v>1.0504</v>
      </c>
      <c r="C25" s="115">
        <v>0.78779999999999994</v>
      </c>
      <c r="D25" s="115">
        <v>1.2079599999999999</v>
      </c>
      <c r="E25" s="115">
        <v>1.4443000000000001</v>
      </c>
      <c r="F25" s="115">
        <v>1.7069000000000001</v>
      </c>
      <c r="G25" s="115">
        <v>1.8644599999999998</v>
      </c>
      <c r="H25" s="115">
        <v>1.89072</v>
      </c>
      <c r="I25" s="115">
        <v>1.9695</v>
      </c>
      <c r="J25" s="115">
        <v>2.1008</v>
      </c>
      <c r="K25" s="119">
        <v>1.2458687662130943</v>
      </c>
      <c r="L25" s="120">
        <v>1.2458687662130943</v>
      </c>
      <c r="M25" s="145">
        <v>1.2458687662130943</v>
      </c>
      <c r="O25" s="121"/>
    </row>
    <row r="26" spans="1:16" ht="12.75" customHeight="1">
      <c r="A26" s="118" t="s">
        <v>119</v>
      </c>
      <c r="B26" s="115">
        <v>1.6331637E-2</v>
      </c>
      <c r="C26" s="115">
        <v>1.683721782E-2</v>
      </c>
      <c r="D26" s="115">
        <v>1.6331637E-2</v>
      </c>
      <c r="E26" s="115">
        <v>1.6331637E-2</v>
      </c>
      <c r="F26" s="115">
        <v>1.6331637E-2</v>
      </c>
      <c r="G26" s="115">
        <v>4.7903850000000005E-2</v>
      </c>
      <c r="H26" s="115">
        <v>4.7903850000000005E-2</v>
      </c>
      <c r="I26" s="115">
        <v>4.7903850000000005E-2</v>
      </c>
      <c r="J26" s="115">
        <v>5.79645045E-2</v>
      </c>
      <c r="K26" s="115">
        <v>5.5175101799999987E-2</v>
      </c>
      <c r="L26" s="120">
        <v>5.5175101799999987E-2</v>
      </c>
      <c r="M26" s="145">
        <v>5.5175101799999987E-2</v>
      </c>
    </row>
    <row r="27" spans="1:16">
      <c r="A27" s="118" t="s">
        <v>120</v>
      </c>
      <c r="B27" s="115">
        <v>8.3299999999999999E-2</v>
      </c>
      <c r="C27" s="115">
        <v>7.7299999999999994E-2</v>
      </c>
      <c r="D27" s="115">
        <v>8.3299999999999999E-2</v>
      </c>
      <c r="E27" s="115">
        <v>0.1047</v>
      </c>
      <c r="F27" s="115">
        <v>0.13950000000000001</v>
      </c>
      <c r="G27" s="115">
        <v>0.1744</v>
      </c>
      <c r="H27" s="115">
        <v>0.1744</v>
      </c>
      <c r="I27" s="115">
        <v>0.20630000000000001</v>
      </c>
      <c r="J27" s="115">
        <v>0.2407</v>
      </c>
      <c r="K27" s="115">
        <v>0.1047</v>
      </c>
      <c r="L27" s="120">
        <v>0.13950000000000001</v>
      </c>
      <c r="M27" s="145">
        <v>0.13950000000000001</v>
      </c>
      <c r="N27" s="122"/>
    </row>
    <row r="28" spans="1:16">
      <c r="A28" s="118" t="s">
        <v>121</v>
      </c>
      <c r="B28" s="115">
        <v>1.1500316369999999</v>
      </c>
      <c r="C28" s="115">
        <v>0.88193721782000001</v>
      </c>
      <c r="D28" s="115">
        <v>1.3075916369999998</v>
      </c>
      <c r="E28" s="115">
        <v>1.5653316370000001</v>
      </c>
      <c r="F28" s="115">
        <v>1.862731637</v>
      </c>
      <c r="G28" s="115">
        <v>2.0867638499999996</v>
      </c>
      <c r="H28" s="115">
        <v>2.1130238499999998</v>
      </c>
      <c r="I28" s="115">
        <v>2.2237038500000001</v>
      </c>
      <c r="J28" s="115">
        <v>2.3994645045</v>
      </c>
      <c r="K28" s="115">
        <v>1.4057438680130943</v>
      </c>
      <c r="L28" s="115">
        <v>1.4405438680130942</v>
      </c>
      <c r="M28" s="116">
        <v>1.4405438680130942</v>
      </c>
    </row>
    <row r="29" spans="1:16">
      <c r="A29" s="103"/>
      <c r="B29" s="115"/>
      <c r="C29" s="115"/>
      <c r="D29" s="115"/>
      <c r="E29" s="115"/>
      <c r="F29" s="115"/>
      <c r="G29" s="115"/>
      <c r="H29" s="115"/>
      <c r="I29" s="115"/>
      <c r="J29" s="115"/>
      <c r="K29" s="115"/>
      <c r="L29" s="120"/>
      <c r="M29" s="144"/>
    </row>
    <row r="30" spans="1:16">
      <c r="A30" s="123" t="s">
        <v>122</v>
      </c>
      <c r="B30" s="124"/>
      <c r="C30" s="124"/>
      <c r="D30" s="124"/>
      <c r="E30" s="124"/>
      <c r="F30" s="124"/>
      <c r="G30" s="124"/>
      <c r="H30" s="124"/>
      <c r="I30" s="124"/>
      <c r="J30" s="124"/>
      <c r="K30" s="124"/>
      <c r="L30" s="125"/>
      <c r="M30" s="126"/>
    </row>
    <row r="31" spans="1:16">
      <c r="A31" s="127" t="s">
        <v>123</v>
      </c>
      <c r="B31" s="128">
        <v>7027.89</v>
      </c>
      <c r="C31" s="128">
        <v>5389.55</v>
      </c>
      <c r="D31" s="128">
        <v>7990.74</v>
      </c>
      <c r="E31" s="128">
        <v>9565.7999999999993</v>
      </c>
      <c r="F31" s="128">
        <v>11383.23</v>
      </c>
      <c r="G31" s="128">
        <v>12752.3</v>
      </c>
      <c r="H31" s="128">
        <v>12912.77</v>
      </c>
      <c r="I31" s="128">
        <v>13589.14</v>
      </c>
      <c r="J31" s="128">
        <v>14663.22</v>
      </c>
      <c r="K31" s="129">
        <v>8590.56</v>
      </c>
      <c r="L31" s="129">
        <v>8803.2199999999993</v>
      </c>
      <c r="M31" s="130">
        <v>8803.2199999999993</v>
      </c>
      <c r="N31" s="131"/>
      <c r="P31" s="131"/>
    </row>
    <row r="32" spans="1:16">
      <c r="A32" s="132" t="s">
        <v>124</v>
      </c>
      <c r="B32" s="133">
        <v>6419.0364159999999</v>
      </c>
      <c r="C32" s="133">
        <v>4814.2773119999993</v>
      </c>
      <c r="D32" s="133">
        <v>7381.8918783999998</v>
      </c>
      <c r="E32" s="133">
        <v>8826.175072</v>
      </c>
      <c r="F32" s="133">
        <v>10430.934176000001</v>
      </c>
      <c r="G32" s="133">
        <v>11393.789638399998</v>
      </c>
      <c r="H32" s="133">
        <v>11554.2655488</v>
      </c>
      <c r="I32" s="133">
        <v>12035.69328</v>
      </c>
      <c r="J32" s="133">
        <v>12838.072832</v>
      </c>
      <c r="K32" s="99">
        <v>7613.5538650788676</v>
      </c>
      <c r="L32" s="99">
        <v>7613.5538650788676</v>
      </c>
      <c r="M32" s="107">
        <v>7613.5538650788676</v>
      </c>
      <c r="P32" s="131"/>
    </row>
    <row r="33" spans="1:16">
      <c r="A33" s="132" t="s">
        <v>125</v>
      </c>
      <c r="B33" s="133">
        <v>99.803286972479995</v>
      </c>
      <c r="C33" s="133">
        <v>102.89291158673279</v>
      </c>
      <c r="D33" s="133">
        <v>99.803286972479995</v>
      </c>
      <c r="E33" s="133">
        <v>99.803286972479995</v>
      </c>
      <c r="F33" s="133">
        <v>99.803286972479995</v>
      </c>
      <c r="G33" s="133">
        <v>292.74234350400002</v>
      </c>
      <c r="H33" s="133">
        <v>292.74234350400002</v>
      </c>
      <c r="I33" s="133">
        <v>292.74234350400002</v>
      </c>
      <c r="J33" s="133">
        <v>354.22340557967999</v>
      </c>
      <c r="K33" s="99">
        <v>337.17725410387192</v>
      </c>
      <c r="L33" s="99">
        <v>337.17725410387192</v>
      </c>
      <c r="M33" s="107">
        <v>337.17725410387192</v>
      </c>
      <c r="P33" s="131"/>
    </row>
    <row r="34" spans="1:16">
      <c r="A34" s="132" t="s">
        <v>126</v>
      </c>
      <c r="B34" s="133">
        <v>509.04963199999997</v>
      </c>
      <c r="C34" s="133">
        <v>472.38339199999996</v>
      </c>
      <c r="D34" s="133">
        <v>509.04963199999997</v>
      </c>
      <c r="E34" s="133">
        <v>639.82588799999996</v>
      </c>
      <c r="F34" s="133">
        <v>852.49008000000003</v>
      </c>
      <c r="G34" s="133">
        <v>1065.7653760000001</v>
      </c>
      <c r="H34" s="133">
        <v>1065.7653760000001</v>
      </c>
      <c r="I34" s="133">
        <v>1260.7075520000001</v>
      </c>
      <c r="J34" s="133">
        <v>1470.927328</v>
      </c>
      <c r="K34" s="99">
        <v>639.82588799999996</v>
      </c>
      <c r="L34" s="99">
        <v>852.49008000000003</v>
      </c>
      <c r="M34" s="107">
        <v>852.49008000000003</v>
      </c>
      <c r="P34" s="131"/>
    </row>
    <row r="35" spans="1:16">
      <c r="A35" s="127"/>
      <c r="B35" s="128"/>
      <c r="C35" s="128"/>
      <c r="D35" s="128"/>
      <c r="E35" s="128"/>
      <c r="F35" s="128"/>
      <c r="G35" s="128"/>
      <c r="H35" s="128"/>
      <c r="I35" s="128"/>
      <c r="J35" s="128"/>
      <c r="K35" s="128"/>
      <c r="L35" s="128"/>
      <c r="M35" s="134"/>
    </row>
    <row r="36" spans="1:16">
      <c r="A36" s="135" t="s">
        <v>127</v>
      </c>
      <c r="B36" s="136">
        <v>498.82</v>
      </c>
      <c r="C36" s="136">
        <v>498.82</v>
      </c>
      <c r="D36" s="136">
        <v>641.34</v>
      </c>
      <c r="E36" s="136">
        <v>641.34</v>
      </c>
      <c r="F36" s="136">
        <v>712.6</v>
      </c>
      <c r="G36" s="136">
        <v>926.39</v>
      </c>
      <c r="H36" s="136">
        <v>926.39</v>
      </c>
      <c r="I36" s="136">
        <v>926.39</v>
      </c>
      <c r="J36" s="136">
        <v>1282.69</v>
      </c>
      <c r="K36" s="104">
        <v>2524.4444444444443</v>
      </c>
      <c r="L36" s="104">
        <v>2524.4444444444443</v>
      </c>
      <c r="M36" s="137">
        <v>2524.4444444444443</v>
      </c>
    </row>
    <row r="37" spans="1:16">
      <c r="A37" s="118"/>
      <c r="B37" s="104"/>
      <c r="C37" s="104"/>
      <c r="D37" s="104"/>
      <c r="E37" s="104"/>
      <c r="F37" s="104"/>
      <c r="G37" s="104"/>
      <c r="H37" s="104"/>
      <c r="I37" s="104"/>
      <c r="J37" s="104"/>
      <c r="K37" s="104"/>
      <c r="L37" s="104"/>
      <c r="M37" s="137"/>
    </row>
    <row r="38" spans="1:16">
      <c r="A38" s="127" t="s">
        <v>128</v>
      </c>
      <c r="B38" s="128">
        <v>256.76107500000001</v>
      </c>
      <c r="C38" s="128">
        <v>256.76107500000001</v>
      </c>
      <c r="D38" s="128">
        <v>256.76107500000001</v>
      </c>
      <c r="E38" s="128">
        <v>256.76107500000001</v>
      </c>
      <c r="F38" s="128">
        <v>256.76107500000001</v>
      </c>
      <c r="G38" s="128">
        <v>256.76107500000001</v>
      </c>
      <c r="H38" s="128">
        <v>256.76107500000001</v>
      </c>
      <c r="I38" s="128">
        <v>256.76107500000001</v>
      </c>
      <c r="J38" s="128">
        <v>256.76107500000001</v>
      </c>
      <c r="K38" s="128">
        <v>231.76107500000001</v>
      </c>
      <c r="L38" s="128">
        <v>231.76107500000001</v>
      </c>
      <c r="M38" s="134">
        <v>231.76107500000001</v>
      </c>
    </row>
    <row r="39" spans="1:16">
      <c r="A39" s="127"/>
      <c r="B39" s="128"/>
      <c r="C39" s="128"/>
      <c r="D39" s="128"/>
      <c r="E39" s="128"/>
      <c r="F39" s="128"/>
      <c r="G39" s="128"/>
      <c r="H39" s="128"/>
      <c r="I39" s="128"/>
      <c r="J39" s="128"/>
      <c r="K39" s="128"/>
      <c r="L39" s="128"/>
      <c r="M39" s="134"/>
      <c r="N39" s="131"/>
    </row>
    <row r="40" spans="1:16">
      <c r="A40" s="127" t="s">
        <v>129</v>
      </c>
      <c r="B40" s="128">
        <v>2129.7622289999999</v>
      </c>
      <c r="C40" s="128">
        <v>1760.9555809999999</v>
      </c>
      <c r="D40" s="128">
        <v>2241.2799317999998</v>
      </c>
      <c r="E40" s="128">
        <v>3436.6212300000002</v>
      </c>
      <c r="F40" s="128">
        <v>4115.8012839999992</v>
      </c>
      <c r="G40" s="128">
        <v>6040.8787320000001</v>
      </c>
      <c r="H40" s="128">
        <v>6228.5081235999996</v>
      </c>
      <c r="I40" s="128">
        <v>6468.6958237999997</v>
      </c>
      <c r="J40" s="128">
        <v>7891.6131965999994</v>
      </c>
      <c r="K40" s="128">
        <v>4930.0223699999997</v>
      </c>
      <c r="L40" s="128">
        <v>6379.4830119999997</v>
      </c>
      <c r="M40" s="134">
        <v>7754.4830119999997</v>
      </c>
      <c r="N40" s="142"/>
    </row>
    <row r="41" spans="1:16">
      <c r="A41" s="127" t="s">
        <v>130</v>
      </c>
      <c r="B41" s="128">
        <v>24037.442868382142</v>
      </c>
      <c r="C41" s="128">
        <v>24037.442868382142</v>
      </c>
      <c r="D41" s="128">
        <v>24037.442868382142</v>
      </c>
      <c r="E41" s="128">
        <v>24037.442868382142</v>
      </c>
      <c r="F41" s="128">
        <v>24037.442868382142</v>
      </c>
      <c r="G41" s="128">
        <v>24904.973968393035</v>
      </c>
      <c r="H41" s="128">
        <v>24904.973968393035</v>
      </c>
      <c r="I41" s="128">
        <v>24904.973968393035</v>
      </c>
      <c r="J41" s="128">
        <v>24904.973968393035</v>
      </c>
      <c r="K41" s="128">
        <v>25748.962916835182</v>
      </c>
      <c r="L41" s="128">
        <v>25748.962916835182</v>
      </c>
      <c r="M41" s="134">
        <v>25748.962916835182</v>
      </c>
    </row>
    <row r="42" spans="1:16" ht="13.5" thickBot="1">
      <c r="A42" s="138" t="s">
        <v>131</v>
      </c>
      <c r="B42" s="139">
        <v>3243.34</v>
      </c>
      <c r="C42" s="139">
        <v>3243.34</v>
      </c>
      <c r="D42" s="139">
        <v>3243.34</v>
      </c>
      <c r="E42" s="139">
        <v>3243.34</v>
      </c>
      <c r="F42" s="139">
        <v>3243.34</v>
      </c>
      <c r="G42" s="139">
        <v>3243.34</v>
      </c>
      <c r="H42" s="139">
        <v>3243.34</v>
      </c>
      <c r="I42" s="139">
        <v>3243.34</v>
      </c>
      <c r="J42" s="139">
        <v>3243.34</v>
      </c>
      <c r="K42" s="139">
        <v>3243.34</v>
      </c>
      <c r="L42" s="139">
        <v>3243.34</v>
      </c>
      <c r="M42" s="146">
        <v>3243.34</v>
      </c>
    </row>
    <row r="43" spans="1:16" ht="13.5" thickBot="1">
      <c r="A43" s="140" t="s">
        <v>132</v>
      </c>
      <c r="B43" s="141">
        <v>37194.016172382144</v>
      </c>
      <c r="C43" s="141">
        <v>35186.869524382142</v>
      </c>
      <c r="D43" s="141">
        <v>38410.903875182135</v>
      </c>
      <c r="E43" s="141">
        <v>41181.305173382134</v>
      </c>
      <c r="F43" s="141">
        <v>43749.17522738214</v>
      </c>
      <c r="G43" s="141">
        <v>48124.643775393037</v>
      </c>
      <c r="H43" s="141">
        <v>48472.743166993037</v>
      </c>
      <c r="I43" s="141">
        <v>49389.300867193029</v>
      </c>
      <c r="J43" s="141">
        <v>52242.598239993036</v>
      </c>
      <c r="K43" s="141">
        <v>45269.09080627963</v>
      </c>
      <c r="L43" s="141">
        <v>46931.211448279624</v>
      </c>
      <c r="M43" s="147">
        <v>48306.211448279624</v>
      </c>
    </row>
    <row r="88" spans="6:7">
      <c r="F88" s="172"/>
      <c r="G88" s="172" t="s">
        <v>164</v>
      </c>
    </row>
  </sheetData>
  <pageMargins left="1.4036458333333333" right="0.31496062992125984" top="0.19685039370078741" bottom="0.15748031496062992" header="0.19685039370078741" footer="0.15748031496062992"/>
  <pageSetup paperSize="9" scale="55" orientation="landscape" r:id="rId1"/>
  <headerFooter alignWithMargins="0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>
  <dimension ref="A1:J38"/>
  <sheetViews>
    <sheetView view="pageBreakPreview" topLeftCell="A10" zoomScale="80" zoomScaleNormal="100" zoomScaleSheetLayoutView="80" workbookViewId="0">
      <selection activeCell="H21" sqref="H21"/>
    </sheetView>
  </sheetViews>
  <sheetFormatPr defaultRowHeight="12.75"/>
  <cols>
    <col min="9" max="9" width="11.85546875" customWidth="1"/>
  </cols>
  <sheetData>
    <row r="1" spans="1:10" ht="15.75">
      <c r="A1" s="155"/>
      <c r="B1" s="156"/>
      <c r="C1" s="157"/>
      <c r="D1" s="155"/>
    </row>
    <row r="2" spans="1:10" ht="15.75">
      <c r="A2" s="155"/>
      <c r="B2" s="156"/>
      <c r="C2" s="157"/>
      <c r="D2" s="155"/>
    </row>
    <row r="3" spans="1:10" ht="15">
      <c r="A3" s="155"/>
      <c r="B3" s="155"/>
      <c r="C3" s="157"/>
      <c r="D3" s="155"/>
    </row>
    <row r="4" spans="1:10" ht="15.75">
      <c r="A4" s="155"/>
      <c r="B4" s="158"/>
      <c r="C4" s="158"/>
      <c r="D4" s="155"/>
      <c r="E4" s="159" t="s">
        <v>136</v>
      </c>
      <c r="F4" s="159"/>
    </row>
    <row r="5" spans="1:10" ht="15.75">
      <c r="A5" s="160"/>
      <c r="B5" s="155"/>
      <c r="D5" s="155"/>
      <c r="J5" s="157" t="s">
        <v>137</v>
      </c>
    </row>
    <row r="6" spans="1:10" ht="15.75">
      <c r="A6" s="155"/>
      <c r="B6" s="161" t="s">
        <v>138</v>
      </c>
      <c r="C6" s="162"/>
      <c r="D6" s="155"/>
      <c r="E6" s="162"/>
      <c r="F6" s="162"/>
      <c r="G6" s="162"/>
      <c r="H6" s="162"/>
      <c r="I6" s="162"/>
      <c r="J6" s="157">
        <v>2</v>
      </c>
    </row>
    <row r="7" spans="1:10" ht="15">
      <c r="A7" s="155"/>
      <c r="B7" s="155"/>
      <c r="C7" s="162"/>
      <c r="D7" s="155"/>
      <c r="E7" s="162"/>
      <c r="F7" s="162"/>
      <c r="G7" s="162"/>
      <c r="H7" s="162"/>
      <c r="I7" s="162"/>
      <c r="J7" s="157"/>
    </row>
    <row r="8" spans="1:10" ht="15.75">
      <c r="A8" s="163"/>
      <c r="B8" s="161" t="s">
        <v>55</v>
      </c>
      <c r="C8" s="162"/>
      <c r="D8" s="155"/>
      <c r="E8" s="162"/>
      <c r="F8" s="162"/>
      <c r="G8" s="162"/>
      <c r="H8" s="162"/>
      <c r="I8" s="162"/>
      <c r="J8" s="157">
        <v>5</v>
      </c>
    </row>
    <row r="9" spans="1:10" ht="15">
      <c r="A9" s="155"/>
      <c r="B9" s="163"/>
      <c r="C9" s="162"/>
      <c r="D9" s="155"/>
      <c r="E9" s="162"/>
      <c r="F9" s="162"/>
      <c r="G9" s="162"/>
      <c r="H9" s="162"/>
      <c r="I9" s="162"/>
      <c r="J9" s="157"/>
    </row>
    <row r="10" spans="1:10" ht="15.75">
      <c r="A10" s="164"/>
      <c r="B10" s="161" t="s">
        <v>87</v>
      </c>
      <c r="C10" s="161"/>
      <c r="D10" s="161"/>
      <c r="E10" s="161"/>
      <c r="F10" s="161"/>
      <c r="G10" s="161"/>
      <c r="H10" s="161"/>
      <c r="I10" s="161"/>
      <c r="J10" s="157">
        <v>6</v>
      </c>
    </row>
    <row r="11" spans="1:10" ht="15.75">
      <c r="A11" s="163"/>
      <c r="B11" s="161"/>
      <c r="C11" s="161"/>
      <c r="D11" s="161"/>
      <c r="E11" s="161"/>
      <c r="F11" s="161"/>
      <c r="G11" s="161"/>
      <c r="H11" s="161"/>
      <c r="I11" s="161"/>
      <c r="J11" s="157"/>
    </row>
    <row r="12" spans="1:10" ht="18">
      <c r="A12" s="163"/>
      <c r="B12" s="161" t="s">
        <v>88</v>
      </c>
      <c r="C12" s="165"/>
      <c r="D12" s="165"/>
      <c r="E12" s="165"/>
      <c r="F12" s="165"/>
      <c r="G12" s="165"/>
      <c r="H12" s="165"/>
      <c r="I12" s="165"/>
      <c r="J12" s="166">
        <v>7</v>
      </c>
    </row>
    <row r="13" spans="1:10" ht="18">
      <c r="A13" s="163"/>
      <c r="B13" s="165"/>
      <c r="C13" s="165"/>
      <c r="D13" s="165"/>
      <c r="E13" s="165"/>
      <c r="F13" s="165"/>
      <c r="G13" s="165"/>
      <c r="H13" s="165"/>
      <c r="I13" s="165"/>
      <c r="J13" s="157"/>
    </row>
    <row r="14" spans="1:10" ht="18">
      <c r="A14" s="163"/>
      <c r="B14" s="161" t="s">
        <v>89</v>
      </c>
      <c r="C14" s="165"/>
      <c r="D14" s="165"/>
      <c r="E14" s="165"/>
      <c r="F14" s="165"/>
      <c r="G14" s="165"/>
      <c r="H14" s="165"/>
      <c r="I14" s="165"/>
      <c r="J14" s="157">
        <v>8</v>
      </c>
    </row>
    <row r="15" spans="1:10" ht="18">
      <c r="A15" s="163"/>
      <c r="B15" s="165"/>
      <c r="C15" s="165"/>
      <c r="D15" s="165"/>
      <c r="E15" s="165"/>
      <c r="F15" s="165"/>
      <c r="G15" s="165"/>
      <c r="H15" s="165"/>
      <c r="I15" s="165"/>
      <c r="J15" s="157"/>
    </row>
    <row r="16" spans="1:10" ht="18">
      <c r="A16" s="163"/>
      <c r="B16" s="161" t="s">
        <v>90</v>
      </c>
      <c r="C16" s="165"/>
      <c r="D16" s="165"/>
      <c r="E16" s="165"/>
      <c r="F16" s="165"/>
      <c r="G16" s="165"/>
      <c r="H16" s="165"/>
      <c r="I16" s="165"/>
      <c r="J16" s="157">
        <v>9</v>
      </c>
    </row>
    <row r="17" spans="1:10" ht="18">
      <c r="A17" s="163"/>
      <c r="B17" s="165"/>
      <c r="C17" s="165"/>
      <c r="D17" s="165"/>
      <c r="E17" s="165"/>
      <c r="F17" s="165"/>
      <c r="G17" s="165"/>
      <c r="H17" s="165"/>
      <c r="I17" s="165"/>
      <c r="J17" s="157"/>
    </row>
    <row r="18" spans="1:10" ht="18">
      <c r="A18" s="163"/>
      <c r="B18" s="161" t="s">
        <v>91</v>
      </c>
      <c r="C18" s="165"/>
      <c r="D18" s="165"/>
      <c r="E18" s="165"/>
      <c r="F18" s="165"/>
      <c r="G18" s="165"/>
      <c r="H18" s="165"/>
      <c r="I18" s="165"/>
      <c r="J18" s="157">
        <v>10</v>
      </c>
    </row>
    <row r="19" spans="1:10" ht="18">
      <c r="A19" s="163"/>
      <c r="B19" s="161"/>
      <c r="C19" s="165"/>
      <c r="D19" s="165"/>
      <c r="E19" s="165"/>
      <c r="F19" s="165"/>
      <c r="G19" s="165"/>
      <c r="H19" s="165"/>
      <c r="I19" s="165"/>
      <c r="J19" s="157"/>
    </row>
    <row r="20" spans="1:10" ht="18">
      <c r="A20" s="163"/>
      <c r="B20" s="161" t="s">
        <v>139</v>
      </c>
      <c r="C20" s="165"/>
      <c r="D20" s="165"/>
      <c r="E20" s="165"/>
      <c r="F20" s="165"/>
      <c r="G20" s="165"/>
      <c r="H20" s="165"/>
      <c r="I20" s="165"/>
      <c r="J20" s="157">
        <v>11</v>
      </c>
    </row>
    <row r="21" spans="1:10" ht="18">
      <c r="A21" s="163"/>
      <c r="B21" s="161"/>
      <c r="C21" s="165"/>
      <c r="D21" s="165"/>
      <c r="E21" s="165"/>
      <c r="F21" s="165"/>
      <c r="G21" s="165"/>
      <c r="H21" s="192"/>
      <c r="I21" s="165"/>
      <c r="J21" s="157"/>
    </row>
    <row r="22" spans="1:10" ht="18">
      <c r="A22" s="167"/>
      <c r="B22" s="161" t="s">
        <v>92</v>
      </c>
      <c r="C22" s="165"/>
      <c r="D22" s="165"/>
      <c r="E22" s="165"/>
      <c r="F22" s="165"/>
      <c r="G22" s="165"/>
      <c r="H22" s="165"/>
      <c r="I22" s="165"/>
      <c r="J22" s="157">
        <v>12</v>
      </c>
    </row>
    <row r="23" spans="1:10" ht="18">
      <c r="A23" s="163"/>
      <c r="B23" s="161"/>
      <c r="C23" s="165"/>
      <c r="D23" s="165"/>
      <c r="E23" s="165"/>
      <c r="F23" s="165"/>
      <c r="G23" s="165"/>
      <c r="H23" s="165"/>
      <c r="I23" s="165"/>
      <c r="J23" s="157"/>
    </row>
    <row r="24" spans="1:10" ht="18">
      <c r="A24" s="163"/>
      <c r="B24" s="161" t="s">
        <v>93</v>
      </c>
      <c r="C24" s="165"/>
      <c r="D24" s="165"/>
      <c r="E24" s="165"/>
      <c r="F24" s="165"/>
      <c r="G24" s="165"/>
      <c r="H24" s="165"/>
      <c r="I24" s="165"/>
      <c r="J24" s="157">
        <v>13</v>
      </c>
    </row>
    <row r="25" spans="1:10" ht="18">
      <c r="A25" s="163"/>
      <c r="B25" s="161"/>
      <c r="C25" s="165"/>
      <c r="D25" s="165"/>
      <c r="E25" s="165"/>
      <c r="F25" s="165"/>
      <c r="G25" s="165"/>
      <c r="H25" s="165"/>
      <c r="I25" s="165"/>
      <c r="J25" s="157"/>
    </row>
    <row r="26" spans="1:10" ht="18">
      <c r="A26" s="163"/>
      <c r="B26" s="161" t="s">
        <v>94</v>
      </c>
      <c r="C26" s="165"/>
      <c r="D26" s="165"/>
      <c r="E26" s="165"/>
      <c r="F26" s="165"/>
      <c r="G26" s="165"/>
      <c r="H26" s="165"/>
      <c r="I26" s="165"/>
      <c r="J26" s="157">
        <v>14</v>
      </c>
    </row>
    <row r="27" spans="1:10" ht="18">
      <c r="A27" s="155"/>
      <c r="B27" s="161"/>
      <c r="C27" s="165"/>
      <c r="D27" s="165"/>
      <c r="E27" s="165"/>
      <c r="F27" s="165"/>
      <c r="G27" s="165"/>
      <c r="H27" s="165"/>
      <c r="I27" s="165"/>
      <c r="J27" s="157"/>
    </row>
    <row r="28" spans="1:10" ht="18">
      <c r="A28" s="163"/>
      <c r="B28" s="161" t="s">
        <v>140</v>
      </c>
      <c r="C28" s="165"/>
      <c r="D28" s="165"/>
      <c r="E28" s="165"/>
      <c r="F28" s="165"/>
      <c r="G28" s="165"/>
      <c r="H28" s="165"/>
      <c r="I28" s="165"/>
      <c r="J28" s="157">
        <v>15</v>
      </c>
    </row>
    <row r="29" spans="1:10" ht="18">
      <c r="A29" s="163"/>
      <c r="B29" s="161"/>
      <c r="C29" s="165"/>
      <c r="D29" s="165"/>
      <c r="E29" s="165"/>
      <c r="F29" s="165"/>
      <c r="G29" s="165"/>
      <c r="H29" s="165"/>
      <c r="I29" s="165"/>
      <c r="J29" s="157"/>
    </row>
    <row r="30" spans="1:10" ht="18">
      <c r="A30" s="163"/>
      <c r="B30" s="161" t="s">
        <v>141</v>
      </c>
      <c r="C30" s="165"/>
      <c r="D30" s="165"/>
      <c r="E30" s="165"/>
      <c r="F30" s="165"/>
      <c r="G30" s="165"/>
      <c r="H30" s="165"/>
      <c r="I30" s="165"/>
      <c r="J30" s="157">
        <v>16</v>
      </c>
    </row>
    <row r="31" spans="1:10" ht="18">
      <c r="A31" s="163"/>
      <c r="B31" s="165"/>
      <c r="C31" s="165"/>
      <c r="D31" s="165"/>
      <c r="E31" s="165"/>
      <c r="F31" s="165"/>
      <c r="G31" s="165"/>
      <c r="H31" s="165"/>
      <c r="I31" s="165"/>
      <c r="J31" s="190"/>
    </row>
    <row r="32" spans="1:10" ht="18" customHeight="1">
      <c r="A32" s="167"/>
      <c r="B32" s="189" t="s">
        <v>95</v>
      </c>
      <c r="C32" s="189"/>
      <c r="D32" s="189"/>
      <c r="E32" s="189"/>
      <c r="F32" s="189"/>
      <c r="G32" s="189"/>
      <c r="H32" s="189"/>
      <c r="I32" s="189"/>
      <c r="J32" s="191">
        <v>17</v>
      </c>
    </row>
    <row r="33" spans="1:10" ht="48.75" customHeight="1">
      <c r="A33" s="163"/>
      <c r="B33" s="189"/>
      <c r="C33" s="189"/>
      <c r="D33" s="189"/>
      <c r="E33" s="189"/>
      <c r="F33" s="189"/>
      <c r="G33" s="189"/>
      <c r="H33" s="189"/>
      <c r="I33" s="189"/>
      <c r="J33" s="191"/>
    </row>
    <row r="34" spans="1:10" ht="15.75">
      <c r="A34" s="163"/>
      <c r="B34" s="168"/>
      <c r="D34" s="155"/>
      <c r="J34" s="157"/>
    </row>
    <row r="35" spans="1:10" ht="15">
      <c r="A35" s="155"/>
      <c r="B35" s="163"/>
      <c r="D35" s="155"/>
      <c r="J35" s="157"/>
    </row>
    <row r="36" spans="1:10" ht="15">
      <c r="A36" s="163"/>
      <c r="B36" s="163"/>
      <c r="D36" s="155"/>
      <c r="J36" s="157"/>
    </row>
    <row r="37" spans="1:10" ht="15">
      <c r="A37" s="155"/>
      <c r="B37" s="169"/>
      <c r="C37" s="157"/>
      <c r="D37" s="155"/>
    </row>
    <row r="38" spans="1:10" ht="15">
      <c r="A38" s="155"/>
      <c r="B38" s="169"/>
      <c r="C38" s="157"/>
      <c r="D38" s="155"/>
    </row>
  </sheetData>
  <mergeCells count="3">
    <mergeCell ref="E4:F4"/>
    <mergeCell ref="B32:I33"/>
    <mergeCell ref="J32:J33"/>
  </mergeCells>
  <pageMargins left="0.511811024" right="0.511811024" top="0.78740157499999996" bottom="0.78740157499999996" header="0.31496062000000002" footer="0.31496062000000002"/>
  <pageSetup paperSize="9" orientation="portrait" r:id="rId1"/>
  <drawing r:id="rId2"/>
</worksheet>
</file>

<file path=xl/worksheets/sheet3.xml><?xml version="1.0" encoding="utf-8"?>
<worksheet xmlns="http://schemas.openxmlformats.org/spreadsheetml/2006/main" xmlns:r="http://schemas.openxmlformats.org/officeDocument/2006/relationships">
  <sheetPr codeName="Plan37"/>
  <dimension ref="A1:W251"/>
  <sheetViews>
    <sheetView view="pageBreakPreview" topLeftCell="A7" zoomScale="80" zoomScaleNormal="100" zoomScaleSheetLayoutView="80" zoomScalePageLayoutView="70" workbookViewId="0">
      <selection activeCell="K85" sqref="K85"/>
    </sheetView>
  </sheetViews>
  <sheetFormatPr defaultRowHeight="11.25"/>
  <cols>
    <col min="1" max="1" width="19.42578125" style="2" customWidth="1"/>
    <col min="2" max="2" width="12.140625" style="2" customWidth="1"/>
    <col min="3" max="3" width="10.28515625" style="2" customWidth="1"/>
    <col min="4" max="4" width="12.140625" style="2" customWidth="1"/>
    <col min="5" max="9" width="9" style="2" customWidth="1"/>
    <col min="10" max="10" width="9.42578125" style="2" customWidth="1"/>
    <col min="11" max="11" width="9.7109375" style="2" customWidth="1"/>
    <col min="12" max="12" width="10" style="2" customWidth="1"/>
    <col min="13" max="23" width="9" style="2" customWidth="1"/>
    <col min="24" max="16384" width="9.140625" style="2"/>
  </cols>
  <sheetData>
    <row r="1" spans="1:23" ht="18">
      <c r="A1" s="165" t="s">
        <v>138</v>
      </c>
    </row>
    <row r="4" spans="1:23" ht="18">
      <c r="A4" s="165" t="s">
        <v>142</v>
      </c>
    </row>
    <row r="5" spans="1:23" ht="15.75">
      <c r="A5" s="161" t="s">
        <v>143</v>
      </c>
      <c r="B5" s="1"/>
      <c r="C5" s="170">
        <v>0.1</v>
      </c>
    </row>
    <row r="6" spans="1:23">
      <c r="A6" s="4" t="s">
        <v>0</v>
      </c>
      <c r="B6" s="5" t="s">
        <v>1</v>
      </c>
      <c r="C6" s="5" t="s">
        <v>2</v>
      </c>
      <c r="D6" s="5" t="s">
        <v>3</v>
      </c>
      <c r="E6" s="5" t="s">
        <v>4</v>
      </c>
      <c r="F6" s="5" t="s">
        <v>5</v>
      </c>
      <c r="G6" s="5" t="s">
        <v>6</v>
      </c>
      <c r="H6" s="5" t="s">
        <v>7</v>
      </c>
      <c r="I6" s="5" t="s">
        <v>8</v>
      </c>
      <c r="J6" s="5" t="s">
        <v>9</v>
      </c>
      <c r="K6" s="5" t="s">
        <v>10</v>
      </c>
      <c r="L6" s="5" t="s">
        <v>11</v>
      </c>
      <c r="M6" s="5" t="s">
        <v>12</v>
      </c>
      <c r="N6" s="5" t="s">
        <v>13</v>
      </c>
      <c r="O6" s="5" t="s">
        <v>14</v>
      </c>
      <c r="P6" s="5" t="s">
        <v>15</v>
      </c>
      <c r="Q6" s="5" t="s">
        <v>16</v>
      </c>
      <c r="R6" s="5" t="s">
        <v>17</v>
      </c>
      <c r="S6" s="5" t="s">
        <v>18</v>
      </c>
      <c r="T6" s="5" t="s">
        <v>19</v>
      </c>
      <c r="U6" s="5" t="s">
        <v>20</v>
      </c>
      <c r="V6" s="5" t="s">
        <v>21</v>
      </c>
      <c r="W6" s="5" t="s">
        <v>22</v>
      </c>
    </row>
    <row r="7" spans="1:23">
      <c r="A7" s="6" t="s">
        <v>23</v>
      </c>
      <c r="B7" s="7">
        <v>1</v>
      </c>
      <c r="C7" s="8">
        <v>1</v>
      </c>
      <c r="D7" s="8">
        <v>1</v>
      </c>
      <c r="E7" s="8">
        <v>1</v>
      </c>
      <c r="F7" s="8">
        <v>1</v>
      </c>
      <c r="G7" s="8">
        <v>1</v>
      </c>
      <c r="H7" s="8">
        <v>1</v>
      </c>
      <c r="I7" s="8">
        <v>1</v>
      </c>
      <c r="J7" s="8">
        <v>1</v>
      </c>
      <c r="K7" s="8">
        <v>1</v>
      </c>
      <c r="L7" s="8">
        <v>1</v>
      </c>
      <c r="M7" s="8">
        <v>1</v>
      </c>
      <c r="N7" s="8">
        <v>1</v>
      </c>
      <c r="O7" s="8">
        <v>1</v>
      </c>
      <c r="P7" s="8">
        <v>1</v>
      </c>
      <c r="Q7" s="8">
        <v>1</v>
      </c>
      <c r="R7" s="8">
        <v>1</v>
      </c>
      <c r="S7" s="8">
        <v>1</v>
      </c>
      <c r="T7" s="8">
        <v>1</v>
      </c>
      <c r="U7" s="8">
        <v>1</v>
      </c>
      <c r="V7" s="8">
        <v>1</v>
      </c>
      <c r="W7" s="8">
        <v>1</v>
      </c>
    </row>
    <row r="8" spans="1:23">
      <c r="A8" s="9" t="s">
        <v>24</v>
      </c>
      <c r="B8" s="10">
        <v>0.77500000000000002</v>
      </c>
      <c r="C8" s="8">
        <v>1</v>
      </c>
      <c r="D8" s="8">
        <v>1</v>
      </c>
      <c r="E8" s="8">
        <v>1</v>
      </c>
      <c r="F8" s="8">
        <v>1</v>
      </c>
      <c r="G8" s="8">
        <v>1</v>
      </c>
      <c r="H8" s="8">
        <v>1</v>
      </c>
      <c r="I8" s="8">
        <v>1</v>
      </c>
      <c r="J8" s="8">
        <v>1</v>
      </c>
      <c r="K8" s="8">
        <v>1</v>
      </c>
      <c r="L8" s="8">
        <v>1</v>
      </c>
      <c r="M8" s="8">
        <v>1</v>
      </c>
      <c r="N8" s="8">
        <v>1</v>
      </c>
      <c r="O8" s="8">
        <v>1</v>
      </c>
      <c r="P8" s="8">
        <v>1</v>
      </c>
      <c r="Q8" s="8">
        <v>1</v>
      </c>
      <c r="R8" s="8">
        <v>1</v>
      </c>
      <c r="S8" s="8">
        <v>1</v>
      </c>
      <c r="T8" s="8">
        <v>1</v>
      </c>
      <c r="U8" s="8">
        <v>1</v>
      </c>
      <c r="V8" s="8">
        <v>1</v>
      </c>
      <c r="W8" s="8">
        <v>1</v>
      </c>
    </row>
    <row r="9" spans="1:23">
      <c r="A9" s="9" t="s">
        <v>25</v>
      </c>
      <c r="B9" s="10">
        <v>0.58209999999999995</v>
      </c>
      <c r="C9" s="8">
        <v>1</v>
      </c>
      <c r="D9" s="8">
        <v>1</v>
      </c>
      <c r="E9" s="8">
        <v>1</v>
      </c>
      <c r="F9" s="8">
        <v>1</v>
      </c>
      <c r="G9" s="8">
        <v>1</v>
      </c>
      <c r="H9" s="8">
        <v>1</v>
      </c>
      <c r="I9" s="8">
        <v>1</v>
      </c>
      <c r="J9" s="8">
        <v>1</v>
      </c>
      <c r="K9" s="8">
        <v>1</v>
      </c>
      <c r="L9" s="8">
        <v>1</v>
      </c>
      <c r="M9" s="8">
        <v>1</v>
      </c>
      <c r="N9" s="8">
        <v>1</v>
      </c>
      <c r="O9" s="8">
        <v>1</v>
      </c>
      <c r="P9" s="8">
        <v>1</v>
      </c>
      <c r="Q9" s="8">
        <v>1</v>
      </c>
      <c r="R9" s="8">
        <v>1</v>
      </c>
      <c r="S9" s="8">
        <v>1</v>
      </c>
      <c r="T9" s="8">
        <v>1</v>
      </c>
      <c r="U9" s="8">
        <v>1</v>
      </c>
      <c r="V9" s="8">
        <v>1</v>
      </c>
      <c r="W9" s="8">
        <v>1</v>
      </c>
    </row>
    <row r="10" spans="1:23">
      <c r="A10" s="11" t="s">
        <v>26</v>
      </c>
      <c r="B10" s="10">
        <v>0.4214</v>
      </c>
      <c r="C10" s="8">
        <v>1</v>
      </c>
      <c r="D10" s="8">
        <v>1</v>
      </c>
      <c r="E10" s="8">
        <v>1</v>
      </c>
      <c r="F10" s="8">
        <v>1</v>
      </c>
      <c r="G10" s="8">
        <v>1</v>
      </c>
      <c r="H10" s="8">
        <v>1</v>
      </c>
      <c r="I10" s="8">
        <v>1</v>
      </c>
      <c r="J10" s="8">
        <v>1</v>
      </c>
      <c r="K10" s="8">
        <v>1</v>
      </c>
      <c r="L10" s="8">
        <v>1</v>
      </c>
      <c r="M10" s="8">
        <v>1</v>
      </c>
      <c r="N10" s="8">
        <v>1</v>
      </c>
      <c r="O10" s="8">
        <v>1</v>
      </c>
      <c r="P10" s="8">
        <v>1</v>
      </c>
      <c r="Q10" s="8">
        <v>1</v>
      </c>
      <c r="R10" s="8">
        <v>1</v>
      </c>
      <c r="S10" s="8">
        <v>1</v>
      </c>
      <c r="T10" s="8">
        <v>1</v>
      </c>
      <c r="U10" s="8">
        <v>1</v>
      </c>
      <c r="V10" s="8">
        <v>1</v>
      </c>
      <c r="W10" s="8">
        <v>1</v>
      </c>
    </row>
    <row r="11" spans="1:23">
      <c r="A11" s="9" t="s">
        <v>27</v>
      </c>
      <c r="B11" s="10">
        <v>0.2928</v>
      </c>
      <c r="C11" s="8">
        <v>1</v>
      </c>
      <c r="D11" s="8">
        <v>1</v>
      </c>
      <c r="E11" s="8">
        <v>1</v>
      </c>
      <c r="F11" s="8">
        <v>1</v>
      </c>
      <c r="G11" s="8">
        <v>1</v>
      </c>
      <c r="H11" s="8">
        <v>1</v>
      </c>
      <c r="I11" s="8">
        <v>1</v>
      </c>
      <c r="J11" s="8">
        <v>1</v>
      </c>
      <c r="K11" s="8">
        <v>1</v>
      </c>
      <c r="L11" s="8">
        <v>1</v>
      </c>
      <c r="M11" s="8">
        <v>1</v>
      </c>
      <c r="N11" s="8">
        <v>1</v>
      </c>
      <c r="O11" s="8">
        <v>1</v>
      </c>
      <c r="P11" s="8">
        <v>1</v>
      </c>
      <c r="Q11" s="8">
        <v>1</v>
      </c>
      <c r="R11" s="8">
        <v>1</v>
      </c>
      <c r="S11" s="8">
        <v>1</v>
      </c>
      <c r="T11" s="8">
        <v>1</v>
      </c>
      <c r="U11" s="8">
        <v>1</v>
      </c>
      <c r="V11" s="8">
        <v>1</v>
      </c>
      <c r="W11" s="8">
        <v>1</v>
      </c>
    </row>
    <row r="12" spans="1:23">
      <c r="A12" s="9" t="s">
        <v>28</v>
      </c>
      <c r="B12" s="10">
        <v>0.19639999999999999</v>
      </c>
      <c r="C12" s="8">
        <v>1</v>
      </c>
      <c r="D12" s="8">
        <v>1</v>
      </c>
      <c r="E12" s="8">
        <v>1</v>
      </c>
      <c r="F12" s="8">
        <v>1</v>
      </c>
      <c r="G12" s="8">
        <v>1</v>
      </c>
      <c r="H12" s="8">
        <v>1</v>
      </c>
      <c r="I12" s="8">
        <v>1</v>
      </c>
      <c r="J12" s="8">
        <v>1</v>
      </c>
      <c r="K12" s="8">
        <v>1</v>
      </c>
      <c r="L12" s="8">
        <v>1</v>
      </c>
      <c r="M12" s="8">
        <v>1</v>
      </c>
      <c r="N12" s="8">
        <v>1</v>
      </c>
      <c r="O12" s="8">
        <v>1</v>
      </c>
      <c r="P12" s="8">
        <v>1</v>
      </c>
      <c r="Q12" s="8">
        <v>1</v>
      </c>
      <c r="R12" s="8">
        <v>1</v>
      </c>
      <c r="S12" s="8">
        <v>1</v>
      </c>
      <c r="T12" s="8">
        <v>1</v>
      </c>
      <c r="U12" s="8">
        <v>1</v>
      </c>
      <c r="V12" s="8">
        <v>1</v>
      </c>
      <c r="W12" s="8">
        <v>1</v>
      </c>
    </row>
    <row r="13" spans="1:23">
      <c r="A13" s="9" t="s">
        <v>29</v>
      </c>
      <c r="B13" s="10">
        <v>0.1321</v>
      </c>
      <c r="C13" s="8">
        <v>1</v>
      </c>
      <c r="D13" s="8">
        <v>1</v>
      </c>
      <c r="E13" s="8">
        <v>1</v>
      </c>
      <c r="F13" s="8">
        <v>1</v>
      </c>
      <c r="G13" s="8">
        <v>1</v>
      </c>
      <c r="H13" s="8">
        <v>1</v>
      </c>
      <c r="I13" s="8">
        <v>1</v>
      </c>
      <c r="J13" s="8">
        <v>1</v>
      </c>
      <c r="K13" s="8">
        <v>1</v>
      </c>
      <c r="L13" s="8">
        <v>1</v>
      </c>
      <c r="M13" s="8">
        <v>1</v>
      </c>
      <c r="N13" s="8">
        <v>1</v>
      </c>
      <c r="O13" s="8">
        <v>1</v>
      </c>
      <c r="P13" s="8">
        <v>1</v>
      </c>
      <c r="Q13" s="8">
        <v>1</v>
      </c>
      <c r="R13" s="8">
        <v>1</v>
      </c>
      <c r="S13" s="8">
        <v>1</v>
      </c>
      <c r="T13" s="8">
        <v>1</v>
      </c>
      <c r="U13" s="8">
        <v>1</v>
      </c>
      <c r="V13" s="8">
        <v>1</v>
      </c>
      <c r="W13" s="8">
        <v>1</v>
      </c>
    </row>
    <row r="14" spans="1:23">
      <c r="A14" s="9" t="s">
        <v>30</v>
      </c>
      <c r="B14" s="10">
        <v>0.1</v>
      </c>
      <c r="C14" s="8">
        <v>0</v>
      </c>
      <c r="D14" s="8">
        <v>0</v>
      </c>
      <c r="E14" s="8">
        <v>0</v>
      </c>
      <c r="F14" s="8">
        <v>0</v>
      </c>
      <c r="G14" s="8">
        <v>0</v>
      </c>
      <c r="H14" s="8">
        <v>0</v>
      </c>
      <c r="I14" s="8">
        <v>0</v>
      </c>
      <c r="J14" s="8">
        <v>0</v>
      </c>
      <c r="K14" s="8">
        <v>0</v>
      </c>
      <c r="L14" s="8">
        <v>0</v>
      </c>
      <c r="M14" s="8">
        <v>0</v>
      </c>
      <c r="N14" s="8">
        <v>0</v>
      </c>
      <c r="O14" s="8">
        <v>0</v>
      </c>
      <c r="P14" s="8">
        <v>0</v>
      </c>
      <c r="Q14" s="8">
        <v>0</v>
      </c>
      <c r="R14" s="8">
        <v>0</v>
      </c>
      <c r="S14" s="8">
        <v>0</v>
      </c>
      <c r="T14" s="8">
        <v>0</v>
      </c>
      <c r="U14" s="8">
        <v>0</v>
      </c>
      <c r="V14" s="8">
        <v>0</v>
      </c>
      <c r="W14" s="8">
        <v>0</v>
      </c>
    </row>
    <row r="15" spans="1:23">
      <c r="A15" s="9" t="s">
        <v>31</v>
      </c>
      <c r="B15" s="10">
        <v>0.1</v>
      </c>
      <c r="C15" s="8">
        <v>0</v>
      </c>
      <c r="D15" s="8">
        <v>0</v>
      </c>
      <c r="E15" s="8">
        <v>0</v>
      </c>
      <c r="F15" s="8">
        <v>0</v>
      </c>
      <c r="G15" s="8">
        <v>0</v>
      </c>
      <c r="H15" s="8">
        <v>0</v>
      </c>
      <c r="I15" s="8">
        <v>0</v>
      </c>
      <c r="J15" s="8">
        <v>0</v>
      </c>
      <c r="K15" s="8">
        <v>0</v>
      </c>
      <c r="L15" s="8">
        <v>0</v>
      </c>
      <c r="M15" s="8">
        <v>0</v>
      </c>
      <c r="N15" s="8">
        <v>0</v>
      </c>
      <c r="O15" s="8">
        <v>0</v>
      </c>
      <c r="P15" s="8">
        <v>0</v>
      </c>
      <c r="Q15" s="8">
        <v>0</v>
      </c>
      <c r="R15" s="8">
        <v>0</v>
      </c>
      <c r="S15" s="8">
        <v>0</v>
      </c>
      <c r="T15" s="8">
        <v>0</v>
      </c>
      <c r="U15" s="8">
        <v>0</v>
      </c>
      <c r="V15" s="8">
        <v>0</v>
      </c>
      <c r="W15" s="8">
        <v>0</v>
      </c>
    </row>
    <row r="16" spans="1:23">
      <c r="A16" s="9" t="s">
        <v>32</v>
      </c>
      <c r="B16" s="10">
        <v>0.1</v>
      </c>
      <c r="C16" s="8">
        <v>0</v>
      </c>
      <c r="D16" s="8">
        <v>0</v>
      </c>
      <c r="E16" s="8">
        <v>0</v>
      </c>
      <c r="F16" s="8">
        <v>0</v>
      </c>
      <c r="G16" s="8">
        <v>0</v>
      </c>
      <c r="H16" s="8">
        <v>0</v>
      </c>
      <c r="I16" s="8">
        <v>0</v>
      </c>
      <c r="J16" s="8">
        <v>0</v>
      </c>
      <c r="K16" s="8">
        <v>0</v>
      </c>
      <c r="L16" s="8">
        <v>0</v>
      </c>
      <c r="M16" s="8">
        <v>0</v>
      </c>
      <c r="N16" s="8">
        <v>0</v>
      </c>
      <c r="O16" s="8">
        <v>0</v>
      </c>
      <c r="P16" s="8">
        <v>0</v>
      </c>
      <c r="Q16" s="8">
        <v>0</v>
      </c>
      <c r="R16" s="8">
        <v>0</v>
      </c>
      <c r="S16" s="8">
        <v>0</v>
      </c>
      <c r="T16" s="8">
        <v>0</v>
      </c>
      <c r="U16" s="8">
        <v>0</v>
      </c>
      <c r="V16" s="8">
        <v>0</v>
      </c>
      <c r="W16" s="8">
        <v>0</v>
      </c>
    </row>
    <row r="17" spans="1:23">
      <c r="A17" s="12" t="s">
        <v>33</v>
      </c>
      <c r="B17" s="12"/>
      <c r="C17" s="13">
        <v>0</v>
      </c>
      <c r="D17" s="13">
        <v>0</v>
      </c>
      <c r="E17" s="13">
        <v>0</v>
      </c>
      <c r="F17" s="13">
        <v>0</v>
      </c>
      <c r="G17" s="13">
        <v>0</v>
      </c>
      <c r="H17" s="13">
        <v>0</v>
      </c>
      <c r="I17" s="13">
        <v>0</v>
      </c>
      <c r="J17" s="13">
        <v>0</v>
      </c>
      <c r="K17" s="13">
        <v>0</v>
      </c>
      <c r="L17" s="13">
        <v>0</v>
      </c>
      <c r="M17" s="13">
        <v>0</v>
      </c>
      <c r="N17" s="13">
        <v>0</v>
      </c>
      <c r="O17" s="13">
        <v>0</v>
      </c>
      <c r="P17" s="13">
        <v>0</v>
      </c>
      <c r="Q17" s="13">
        <v>0</v>
      </c>
      <c r="R17" s="13">
        <v>0</v>
      </c>
      <c r="S17" s="13">
        <v>0</v>
      </c>
      <c r="T17" s="13">
        <v>0</v>
      </c>
      <c r="U17" s="13">
        <v>0</v>
      </c>
      <c r="V17" s="13">
        <v>0</v>
      </c>
      <c r="W17" s="13">
        <v>0</v>
      </c>
    </row>
    <row r="18" spans="1:23">
      <c r="A18" s="14" t="s">
        <v>34</v>
      </c>
      <c r="B18" s="14"/>
      <c r="C18" s="15">
        <v>7</v>
      </c>
      <c r="D18" s="15">
        <v>7</v>
      </c>
      <c r="E18" s="15">
        <v>7</v>
      </c>
      <c r="F18" s="15">
        <v>7</v>
      </c>
      <c r="G18" s="15">
        <v>7</v>
      </c>
      <c r="H18" s="15">
        <v>7</v>
      </c>
      <c r="I18" s="15">
        <v>7</v>
      </c>
      <c r="J18" s="15">
        <v>7</v>
      </c>
      <c r="K18" s="15">
        <v>7</v>
      </c>
      <c r="L18" s="15">
        <v>7</v>
      </c>
      <c r="M18" s="15">
        <v>7</v>
      </c>
      <c r="N18" s="15">
        <v>7</v>
      </c>
      <c r="O18" s="15">
        <v>7</v>
      </c>
      <c r="P18" s="15">
        <v>7</v>
      </c>
      <c r="Q18" s="15">
        <v>7</v>
      </c>
      <c r="R18" s="15">
        <v>7</v>
      </c>
      <c r="S18" s="15">
        <v>7</v>
      </c>
      <c r="T18" s="15">
        <v>7</v>
      </c>
      <c r="U18" s="15">
        <v>7</v>
      </c>
      <c r="V18" s="15">
        <v>7</v>
      </c>
      <c r="W18" s="15">
        <v>7</v>
      </c>
    </row>
    <row r="20" spans="1:23" ht="18">
      <c r="A20" s="165" t="s">
        <v>144</v>
      </c>
    </row>
    <row r="21" spans="1:23" ht="15.75">
      <c r="A21" s="161" t="s">
        <v>143</v>
      </c>
      <c r="B21" s="1"/>
      <c r="C21" s="170">
        <v>0.05</v>
      </c>
    </row>
    <row r="22" spans="1:23">
      <c r="A22" s="4" t="s">
        <v>0</v>
      </c>
      <c r="B22" s="5"/>
      <c r="C22" s="5" t="s">
        <v>2</v>
      </c>
      <c r="D22" s="5" t="s">
        <v>3</v>
      </c>
      <c r="E22" s="5" t="s">
        <v>4</v>
      </c>
      <c r="F22" s="5" t="s">
        <v>5</v>
      </c>
      <c r="G22" s="5" t="s">
        <v>6</v>
      </c>
      <c r="H22" s="5" t="s">
        <v>7</v>
      </c>
      <c r="I22" s="5" t="s">
        <v>8</v>
      </c>
      <c r="J22" s="5" t="s">
        <v>9</v>
      </c>
      <c r="K22" s="5" t="s">
        <v>10</v>
      </c>
      <c r="L22" s="5" t="s">
        <v>11</v>
      </c>
      <c r="M22" s="5" t="s">
        <v>12</v>
      </c>
      <c r="N22" s="5" t="s">
        <v>13</v>
      </c>
      <c r="O22" s="5" t="s">
        <v>14</v>
      </c>
      <c r="P22" s="5" t="s">
        <v>15</v>
      </c>
      <c r="Q22" s="5" t="s">
        <v>16</v>
      </c>
      <c r="R22" s="5" t="s">
        <v>17</v>
      </c>
      <c r="S22" s="5" t="s">
        <v>18</v>
      </c>
      <c r="T22" s="5" t="s">
        <v>19</v>
      </c>
      <c r="U22" s="5" t="s">
        <v>20</v>
      </c>
      <c r="V22" s="5" t="s">
        <v>21</v>
      </c>
      <c r="W22" s="5" t="s">
        <v>22</v>
      </c>
    </row>
    <row r="23" spans="1:23">
      <c r="A23" s="6" t="s">
        <v>23</v>
      </c>
      <c r="B23" s="7">
        <v>1</v>
      </c>
      <c r="C23" s="8">
        <v>1</v>
      </c>
      <c r="D23" s="8">
        <v>1</v>
      </c>
      <c r="E23" s="8">
        <v>1</v>
      </c>
      <c r="F23" s="8">
        <v>1</v>
      </c>
      <c r="G23" s="8">
        <v>1</v>
      </c>
      <c r="H23" s="8">
        <v>1</v>
      </c>
      <c r="I23" s="8">
        <v>1</v>
      </c>
      <c r="J23" s="8">
        <v>1</v>
      </c>
      <c r="K23" s="8">
        <v>1</v>
      </c>
      <c r="L23" s="8">
        <v>1</v>
      </c>
      <c r="M23" s="8">
        <v>1</v>
      </c>
      <c r="N23" s="8">
        <v>1</v>
      </c>
      <c r="O23" s="8">
        <v>1</v>
      </c>
      <c r="P23" s="8">
        <v>1</v>
      </c>
      <c r="Q23" s="8">
        <v>1</v>
      </c>
      <c r="R23" s="8">
        <v>1</v>
      </c>
      <c r="S23" s="8">
        <v>1</v>
      </c>
      <c r="T23" s="8">
        <v>1</v>
      </c>
      <c r="U23" s="8">
        <v>1</v>
      </c>
      <c r="V23" s="8">
        <v>1</v>
      </c>
      <c r="W23" s="8">
        <v>1</v>
      </c>
    </row>
    <row r="24" spans="1:23">
      <c r="A24" s="9" t="s">
        <v>24</v>
      </c>
      <c r="B24" s="10">
        <v>0.82730000000000004</v>
      </c>
      <c r="C24" s="8">
        <v>1</v>
      </c>
      <c r="D24" s="8">
        <v>1</v>
      </c>
      <c r="E24" s="8">
        <v>1</v>
      </c>
      <c r="F24" s="8">
        <v>1</v>
      </c>
      <c r="G24" s="8">
        <v>1</v>
      </c>
      <c r="H24" s="8">
        <v>1</v>
      </c>
      <c r="I24" s="8">
        <v>1</v>
      </c>
      <c r="J24" s="8">
        <v>1</v>
      </c>
      <c r="K24" s="8">
        <v>1</v>
      </c>
      <c r="L24" s="8">
        <v>1</v>
      </c>
      <c r="M24" s="8">
        <v>1</v>
      </c>
      <c r="N24" s="8">
        <v>1</v>
      </c>
      <c r="O24" s="8">
        <v>1</v>
      </c>
      <c r="P24" s="8">
        <v>1</v>
      </c>
      <c r="Q24" s="8">
        <v>1</v>
      </c>
      <c r="R24" s="8">
        <v>1</v>
      </c>
      <c r="S24" s="8">
        <v>1</v>
      </c>
      <c r="T24" s="8">
        <v>1</v>
      </c>
      <c r="U24" s="8">
        <v>1</v>
      </c>
      <c r="V24" s="8">
        <v>1</v>
      </c>
      <c r="W24" s="8">
        <v>1</v>
      </c>
    </row>
    <row r="25" spans="1:23">
      <c r="A25" s="9" t="s">
        <v>25</v>
      </c>
      <c r="B25" s="10">
        <v>0.67179999999999995</v>
      </c>
      <c r="C25" s="8">
        <v>1</v>
      </c>
      <c r="D25" s="8">
        <v>1</v>
      </c>
      <c r="E25" s="8">
        <v>1</v>
      </c>
      <c r="F25" s="8">
        <v>1</v>
      </c>
      <c r="G25" s="8">
        <v>1</v>
      </c>
      <c r="H25" s="8">
        <v>1</v>
      </c>
      <c r="I25" s="8">
        <v>1</v>
      </c>
      <c r="J25" s="8">
        <v>1</v>
      </c>
      <c r="K25" s="8">
        <v>1</v>
      </c>
      <c r="L25" s="8">
        <v>1</v>
      </c>
      <c r="M25" s="8">
        <v>1</v>
      </c>
      <c r="N25" s="8">
        <v>1</v>
      </c>
      <c r="O25" s="8">
        <v>1</v>
      </c>
      <c r="P25" s="8">
        <v>1</v>
      </c>
      <c r="Q25" s="8">
        <v>1</v>
      </c>
      <c r="R25" s="8">
        <v>1</v>
      </c>
      <c r="S25" s="8">
        <v>1</v>
      </c>
      <c r="T25" s="8">
        <v>1</v>
      </c>
      <c r="U25" s="8">
        <v>1</v>
      </c>
      <c r="V25" s="8">
        <v>1</v>
      </c>
      <c r="W25" s="8">
        <v>1</v>
      </c>
    </row>
    <row r="26" spans="1:23">
      <c r="A26" s="11" t="s">
        <v>26</v>
      </c>
      <c r="B26" s="10">
        <v>0.53359999999999996</v>
      </c>
      <c r="C26" s="8">
        <v>1</v>
      </c>
      <c r="D26" s="8">
        <v>1</v>
      </c>
      <c r="E26" s="8">
        <v>1</v>
      </c>
      <c r="F26" s="8">
        <v>1</v>
      </c>
      <c r="G26" s="8">
        <v>1</v>
      </c>
      <c r="H26" s="8">
        <v>1</v>
      </c>
      <c r="I26" s="8">
        <v>1</v>
      </c>
      <c r="J26" s="8">
        <v>1</v>
      </c>
      <c r="K26" s="8">
        <v>1</v>
      </c>
      <c r="L26" s="8">
        <v>1</v>
      </c>
      <c r="M26" s="8">
        <v>1</v>
      </c>
      <c r="N26" s="8">
        <v>1</v>
      </c>
      <c r="O26" s="8">
        <v>1</v>
      </c>
      <c r="P26" s="8">
        <v>1</v>
      </c>
      <c r="Q26" s="8">
        <v>1</v>
      </c>
      <c r="R26" s="8">
        <v>1</v>
      </c>
      <c r="S26" s="8">
        <v>1</v>
      </c>
      <c r="T26" s="8">
        <v>1</v>
      </c>
      <c r="U26" s="8">
        <v>1</v>
      </c>
      <c r="V26" s="8">
        <v>1</v>
      </c>
      <c r="W26" s="8">
        <v>1</v>
      </c>
    </row>
    <row r="27" spans="1:23">
      <c r="A27" s="9" t="s">
        <v>27</v>
      </c>
      <c r="B27" s="10">
        <v>0.41270000000000001</v>
      </c>
      <c r="C27" s="8">
        <v>1</v>
      </c>
      <c r="D27" s="8">
        <v>1</v>
      </c>
      <c r="E27" s="8">
        <v>1</v>
      </c>
      <c r="F27" s="8">
        <v>1</v>
      </c>
      <c r="G27" s="8">
        <v>1</v>
      </c>
      <c r="H27" s="8">
        <v>1</v>
      </c>
      <c r="I27" s="8">
        <v>1</v>
      </c>
      <c r="J27" s="8">
        <v>1</v>
      </c>
      <c r="K27" s="8">
        <v>1</v>
      </c>
      <c r="L27" s="8">
        <v>1</v>
      </c>
      <c r="M27" s="8">
        <v>1</v>
      </c>
      <c r="N27" s="8">
        <v>1</v>
      </c>
      <c r="O27" s="8">
        <v>1</v>
      </c>
      <c r="P27" s="8">
        <v>1</v>
      </c>
      <c r="Q27" s="8">
        <v>1</v>
      </c>
      <c r="R27" s="8">
        <v>1</v>
      </c>
      <c r="S27" s="8">
        <v>1</v>
      </c>
      <c r="T27" s="8">
        <v>1</v>
      </c>
      <c r="U27" s="8">
        <v>1</v>
      </c>
      <c r="V27" s="8">
        <v>1</v>
      </c>
      <c r="W27" s="8">
        <v>1</v>
      </c>
    </row>
    <row r="28" spans="1:23">
      <c r="A28" s="9" t="s">
        <v>28</v>
      </c>
      <c r="B28" s="10">
        <v>0.30909999999999999</v>
      </c>
      <c r="C28" s="8">
        <v>1</v>
      </c>
      <c r="D28" s="8">
        <v>1</v>
      </c>
      <c r="E28" s="8">
        <v>1</v>
      </c>
      <c r="F28" s="8">
        <v>1</v>
      </c>
      <c r="G28" s="8">
        <v>1</v>
      </c>
      <c r="H28" s="8">
        <v>1</v>
      </c>
      <c r="I28" s="8">
        <v>1</v>
      </c>
      <c r="J28" s="8">
        <v>1</v>
      </c>
      <c r="K28" s="8">
        <v>1</v>
      </c>
      <c r="L28" s="8">
        <v>1</v>
      </c>
      <c r="M28" s="8">
        <v>1</v>
      </c>
      <c r="N28" s="8">
        <v>1</v>
      </c>
      <c r="O28" s="8">
        <v>1</v>
      </c>
      <c r="P28" s="8">
        <v>1</v>
      </c>
      <c r="Q28" s="8">
        <v>1</v>
      </c>
      <c r="R28" s="8">
        <v>1</v>
      </c>
      <c r="S28" s="8">
        <v>1</v>
      </c>
      <c r="T28" s="8">
        <v>1</v>
      </c>
      <c r="U28" s="8">
        <v>1</v>
      </c>
      <c r="V28" s="8">
        <v>1</v>
      </c>
      <c r="W28" s="8">
        <v>1</v>
      </c>
    </row>
    <row r="29" spans="1:23">
      <c r="A29" s="9" t="s">
        <v>29</v>
      </c>
      <c r="B29" s="10">
        <v>0.22270000000000001</v>
      </c>
      <c r="C29" s="8">
        <v>1</v>
      </c>
      <c r="D29" s="8">
        <v>1</v>
      </c>
      <c r="E29" s="8">
        <v>1</v>
      </c>
      <c r="F29" s="8">
        <v>1</v>
      </c>
      <c r="G29" s="8">
        <v>1</v>
      </c>
      <c r="H29" s="8">
        <v>1</v>
      </c>
      <c r="I29" s="8">
        <v>1</v>
      </c>
      <c r="J29" s="8">
        <v>1</v>
      </c>
      <c r="K29" s="8">
        <v>1</v>
      </c>
      <c r="L29" s="8">
        <v>1</v>
      </c>
      <c r="M29" s="8">
        <v>1</v>
      </c>
      <c r="N29" s="8">
        <v>1</v>
      </c>
      <c r="O29" s="8">
        <v>1</v>
      </c>
      <c r="P29" s="8">
        <v>1</v>
      </c>
      <c r="Q29" s="8">
        <v>1</v>
      </c>
      <c r="R29" s="8">
        <v>1</v>
      </c>
      <c r="S29" s="8">
        <v>1</v>
      </c>
      <c r="T29" s="8">
        <v>1</v>
      </c>
      <c r="U29" s="8">
        <v>1</v>
      </c>
      <c r="V29" s="8">
        <v>1</v>
      </c>
      <c r="W29" s="8">
        <v>1</v>
      </c>
    </row>
    <row r="30" spans="1:23">
      <c r="A30" s="9" t="s">
        <v>30</v>
      </c>
      <c r="B30" s="10">
        <v>0.15359999999999999</v>
      </c>
      <c r="C30" s="8">
        <v>1</v>
      </c>
      <c r="D30" s="8">
        <v>1</v>
      </c>
      <c r="E30" s="8">
        <v>1</v>
      </c>
      <c r="F30" s="8">
        <v>1</v>
      </c>
      <c r="G30" s="8">
        <v>1</v>
      </c>
      <c r="H30" s="8">
        <v>1</v>
      </c>
      <c r="I30" s="8">
        <v>1</v>
      </c>
      <c r="J30" s="8">
        <v>1</v>
      </c>
      <c r="K30" s="8">
        <v>1</v>
      </c>
      <c r="L30" s="8">
        <v>1</v>
      </c>
      <c r="M30" s="8">
        <v>1</v>
      </c>
      <c r="N30" s="8">
        <v>1</v>
      </c>
      <c r="O30" s="8">
        <v>1</v>
      </c>
      <c r="P30" s="8">
        <v>1</v>
      </c>
      <c r="Q30" s="8">
        <v>1</v>
      </c>
      <c r="R30" s="8">
        <v>1</v>
      </c>
      <c r="S30" s="8">
        <v>1</v>
      </c>
      <c r="T30" s="8">
        <v>1</v>
      </c>
      <c r="U30" s="8">
        <v>1</v>
      </c>
      <c r="V30" s="8">
        <v>1</v>
      </c>
      <c r="W30" s="8">
        <v>1</v>
      </c>
    </row>
    <row r="31" spans="1:23">
      <c r="A31" s="9" t="s">
        <v>31</v>
      </c>
      <c r="B31" s="10">
        <v>0.1018</v>
      </c>
      <c r="C31" s="8">
        <v>1</v>
      </c>
      <c r="D31" s="8">
        <v>1</v>
      </c>
      <c r="E31" s="8">
        <v>1</v>
      </c>
      <c r="F31" s="8">
        <v>1</v>
      </c>
      <c r="G31" s="8">
        <v>1</v>
      </c>
      <c r="H31" s="8">
        <v>1</v>
      </c>
      <c r="I31" s="8">
        <v>1</v>
      </c>
      <c r="J31" s="8">
        <v>1</v>
      </c>
      <c r="K31" s="8">
        <v>1</v>
      </c>
      <c r="L31" s="8">
        <v>1</v>
      </c>
      <c r="M31" s="8">
        <v>1</v>
      </c>
      <c r="N31" s="8">
        <v>1</v>
      </c>
      <c r="O31" s="8">
        <v>1</v>
      </c>
      <c r="P31" s="8">
        <v>1</v>
      </c>
      <c r="Q31" s="8">
        <v>1</v>
      </c>
      <c r="R31" s="8">
        <v>1</v>
      </c>
      <c r="S31" s="8">
        <v>1</v>
      </c>
      <c r="T31" s="8">
        <v>1</v>
      </c>
      <c r="U31" s="8">
        <v>1</v>
      </c>
      <c r="V31" s="8">
        <v>1</v>
      </c>
      <c r="W31" s="8">
        <v>1</v>
      </c>
    </row>
    <row r="32" spans="1:23">
      <c r="A32" s="9" t="s">
        <v>32</v>
      </c>
      <c r="B32" s="10">
        <v>6.7299999999999999E-2</v>
      </c>
      <c r="C32" s="8">
        <v>1</v>
      </c>
      <c r="D32" s="8">
        <v>1</v>
      </c>
      <c r="E32" s="8">
        <v>1</v>
      </c>
      <c r="F32" s="8">
        <v>1</v>
      </c>
      <c r="G32" s="8">
        <v>1</v>
      </c>
      <c r="H32" s="8">
        <v>1</v>
      </c>
      <c r="I32" s="8">
        <v>1</v>
      </c>
      <c r="J32" s="8">
        <v>1</v>
      </c>
      <c r="K32" s="8">
        <v>1</v>
      </c>
      <c r="L32" s="8">
        <v>1</v>
      </c>
      <c r="M32" s="8">
        <v>1</v>
      </c>
      <c r="N32" s="8">
        <v>1</v>
      </c>
      <c r="O32" s="8">
        <v>1</v>
      </c>
      <c r="P32" s="8">
        <v>1</v>
      </c>
      <c r="Q32" s="8">
        <v>1</v>
      </c>
      <c r="R32" s="8">
        <v>1</v>
      </c>
      <c r="S32" s="8">
        <v>1</v>
      </c>
      <c r="T32" s="8">
        <v>1</v>
      </c>
      <c r="U32" s="8">
        <v>1</v>
      </c>
      <c r="V32" s="8">
        <v>1</v>
      </c>
      <c r="W32" s="8">
        <v>1</v>
      </c>
    </row>
    <row r="33" spans="1:23">
      <c r="A33" s="12" t="s">
        <v>33</v>
      </c>
      <c r="B33" s="16">
        <v>0.05</v>
      </c>
      <c r="C33" s="13">
        <v>0</v>
      </c>
      <c r="D33" s="13">
        <v>0</v>
      </c>
      <c r="E33" s="13">
        <v>0</v>
      </c>
      <c r="F33" s="13">
        <v>0</v>
      </c>
      <c r="G33" s="13">
        <v>0</v>
      </c>
      <c r="H33" s="13">
        <v>0</v>
      </c>
      <c r="I33" s="13">
        <v>0</v>
      </c>
      <c r="J33" s="13">
        <v>0</v>
      </c>
      <c r="K33" s="13">
        <v>0</v>
      </c>
      <c r="L33" s="13">
        <v>0</v>
      </c>
      <c r="M33" s="13">
        <v>0</v>
      </c>
      <c r="N33" s="13">
        <v>0</v>
      </c>
      <c r="O33" s="13">
        <v>0</v>
      </c>
      <c r="P33" s="13">
        <v>0</v>
      </c>
      <c r="Q33" s="13">
        <v>0</v>
      </c>
      <c r="R33" s="13">
        <v>0</v>
      </c>
      <c r="S33" s="13">
        <v>0</v>
      </c>
      <c r="T33" s="13">
        <v>0</v>
      </c>
      <c r="U33" s="13">
        <v>0</v>
      </c>
      <c r="V33" s="13">
        <v>0</v>
      </c>
      <c r="W33" s="13">
        <v>0</v>
      </c>
    </row>
    <row r="34" spans="1:23">
      <c r="A34" s="14" t="s">
        <v>34</v>
      </c>
      <c r="B34" s="14"/>
      <c r="C34" s="15">
        <v>10</v>
      </c>
      <c r="D34" s="15">
        <v>10</v>
      </c>
      <c r="E34" s="15">
        <v>10</v>
      </c>
      <c r="F34" s="15">
        <v>10</v>
      </c>
      <c r="G34" s="15">
        <v>10</v>
      </c>
      <c r="H34" s="15">
        <v>10</v>
      </c>
      <c r="I34" s="15">
        <v>10</v>
      </c>
      <c r="J34" s="15">
        <v>10</v>
      </c>
      <c r="K34" s="15">
        <v>10</v>
      </c>
      <c r="L34" s="15">
        <v>10</v>
      </c>
      <c r="M34" s="15">
        <v>10</v>
      </c>
      <c r="N34" s="15">
        <v>10</v>
      </c>
      <c r="O34" s="15">
        <v>10</v>
      </c>
      <c r="P34" s="15">
        <v>10</v>
      </c>
      <c r="Q34" s="15">
        <v>10</v>
      </c>
      <c r="R34" s="15">
        <v>10</v>
      </c>
      <c r="S34" s="15">
        <v>10</v>
      </c>
      <c r="T34" s="15">
        <v>10</v>
      </c>
      <c r="U34" s="15">
        <v>10</v>
      </c>
      <c r="V34" s="15">
        <v>10</v>
      </c>
      <c r="W34" s="15">
        <v>10</v>
      </c>
    </row>
    <row r="35" spans="1:23">
      <c r="B35" s="17"/>
      <c r="C35" s="17"/>
    </row>
    <row r="36" spans="1:23" ht="18">
      <c r="A36" s="165" t="s">
        <v>145</v>
      </c>
    </row>
    <row r="37" spans="1:23" ht="15.75">
      <c r="A37" s="161" t="s">
        <v>143</v>
      </c>
      <c r="B37" s="1"/>
      <c r="C37" s="170">
        <v>0.05</v>
      </c>
    </row>
    <row r="38" spans="1:23">
      <c r="A38" s="4" t="s">
        <v>0</v>
      </c>
      <c r="B38" s="5"/>
      <c r="C38" s="5" t="s">
        <v>2</v>
      </c>
      <c r="D38" s="5" t="s">
        <v>3</v>
      </c>
      <c r="E38" s="5" t="s">
        <v>4</v>
      </c>
      <c r="F38" s="5" t="s">
        <v>5</v>
      </c>
      <c r="G38" s="5" t="s">
        <v>6</v>
      </c>
      <c r="H38" s="5" t="s">
        <v>7</v>
      </c>
      <c r="I38" s="5" t="s">
        <v>8</v>
      </c>
      <c r="J38" s="5" t="s">
        <v>9</v>
      </c>
      <c r="K38" s="5" t="s">
        <v>10</v>
      </c>
      <c r="L38" s="5" t="s">
        <v>11</v>
      </c>
      <c r="M38" s="5" t="s">
        <v>12</v>
      </c>
      <c r="N38" s="5" t="s">
        <v>13</v>
      </c>
      <c r="O38" s="5" t="s">
        <v>14</v>
      </c>
      <c r="P38" s="5" t="s">
        <v>15</v>
      </c>
      <c r="Q38" s="5" t="s">
        <v>16</v>
      </c>
      <c r="R38" s="5" t="s">
        <v>17</v>
      </c>
      <c r="S38" s="5" t="s">
        <v>18</v>
      </c>
      <c r="T38" s="5" t="s">
        <v>19</v>
      </c>
      <c r="U38" s="5" t="s">
        <v>20</v>
      </c>
      <c r="V38" s="5" t="s">
        <v>21</v>
      </c>
      <c r="W38" s="5" t="s">
        <v>22</v>
      </c>
    </row>
    <row r="39" spans="1:23">
      <c r="A39" s="6" t="s">
        <v>23</v>
      </c>
      <c r="B39" s="7">
        <v>1</v>
      </c>
      <c r="C39" s="8">
        <v>6</v>
      </c>
      <c r="D39" s="8">
        <v>0</v>
      </c>
      <c r="E39" s="8">
        <v>0</v>
      </c>
      <c r="F39" s="8">
        <v>0</v>
      </c>
      <c r="G39" s="8">
        <v>0</v>
      </c>
      <c r="H39" s="8">
        <v>0</v>
      </c>
      <c r="I39" s="8">
        <v>1</v>
      </c>
      <c r="J39" s="8">
        <v>1</v>
      </c>
      <c r="K39" s="8">
        <v>1</v>
      </c>
      <c r="L39" s="8">
        <v>1</v>
      </c>
      <c r="M39" s="8">
        <v>6</v>
      </c>
      <c r="N39" s="8">
        <v>0</v>
      </c>
      <c r="O39" s="8">
        <v>0</v>
      </c>
      <c r="P39" s="8">
        <v>0</v>
      </c>
      <c r="Q39" s="8">
        <v>0</v>
      </c>
      <c r="R39" s="8">
        <v>0</v>
      </c>
      <c r="S39" s="8">
        <v>1</v>
      </c>
      <c r="T39" s="8">
        <v>1</v>
      </c>
      <c r="U39" s="8">
        <v>1</v>
      </c>
      <c r="V39" s="8">
        <v>1</v>
      </c>
      <c r="W39" s="8">
        <v>0</v>
      </c>
    </row>
    <row r="40" spans="1:23">
      <c r="A40" s="9" t="s">
        <v>24</v>
      </c>
      <c r="B40" s="10">
        <v>0.82730000000000004</v>
      </c>
      <c r="C40" s="8">
        <v>1</v>
      </c>
      <c r="D40" s="8">
        <v>6</v>
      </c>
      <c r="E40" s="8">
        <v>0</v>
      </c>
      <c r="F40" s="8">
        <v>0</v>
      </c>
      <c r="G40" s="8">
        <v>0</v>
      </c>
      <c r="H40" s="8">
        <v>0</v>
      </c>
      <c r="I40" s="8">
        <v>0</v>
      </c>
      <c r="J40" s="8">
        <v>1</v>
      </c>
      <c r="K40" s="8">
        <v>1</v>
      </c>
      <c r="L40" s="8">
        <v>1</v>
      </c>
      <c r="M40" s="8">
        <v>1</v>
      </c>
      <c r="N40" s="8">
        <v>6</v>
      </c>
      <c r="O40" s="8">
        <v>0</v>
      </c>
      <c r="P40" s="8">
        <v>0</v>
      </c>
      <c r="Q40" s="8">
        <v>0</v>
      </c>
      <c r="R40" s="8">
        <v>0</v>
      </c>
      <c r="S40" s="8">
        <v>0</v>
      </c>
      <c r="T40" s="8">
        <v>1</v>
      </c>
      <c r="U40" s="8">
        <v>1</v>
      </c>
      <c r="V40" s="8">
        <v>1</v>
      </c>
      <c r="W40" s="8">
        <v>1</v>
      </c>
    </row>
    <row r="41" spans="1:23">
      <c r="A41" s="9" t="s">
        <v>25</v>
      </c>
      <c r="B41" s="10">
        <v>0.67179999999999995</v>
      </c>
      <c r="C41" s="8">
        <v>1</v>
      </c>
      <c r="D41" s="8">
        <v>1</v>
      </c>
      <c r="E41" s="8">
        <v>6</v>
      </c>
      <c r="F41" s="8">
        <v>0</v>
      </c>
      <c r="G41" s="8">
        <v>0</v>
      </c>
      <c r="H41" s="8">
        <v>0</v>
      </c>
      <c r="I41" s="8">
        <v>0</v>
      </c>
      <c r="J41" s="8">
        <v>0</v>
      </c>
      <c r="K41" s="8">
        <v>1</v>
      </c>
      <c r="L41" s="8">
        <v>1</v>
      </c>
      <c r="M41" s="8">
        <v>1</v>
      </c>
      <c r="N41" s="8">
        <v>1</v>
      </c>
      <c r="O41" s="8">
        <v>6</v>
      </c>
      <c r="P41" s="8">
        <v>0</v>
      </c>
      <c r="Q41" s="8">
        <v>0</v>
      </c>
      <c r="R41" s="8">
        <v>0</v>
      </c>
      <c r="S41" s="8">
        <v>0</v>
      </c>
      <c r="T41" s="8">
        <v>0</v>
      </c>
      <c r="U41" s="8">
        <v>1</v>
      </c>
      <c r="V41" s="8">
        <v>1</v>
      </c>
      <c r="W41" s="8">
        <v>1</v>
      </c>
    </row>
    <row r="42" spans="1:23">
      <c r="A42" s="11" t="s">
        <v>26</v>
      </c>
      <c r="B42" s="10">
        <v>0.53359999999999996</v>
      </c>
      <c r="C42" s="8">
        <v>1</v>
      </c>
      <c r="D42" s="8">
        <v>1</v>
      </c>
      <c r="E42" s="8">
        <v>1</v>
      </c>
      <c r="F42" s="8">
        <v>6</v>
      </c>
      <c r="G42" s="8">
        <v>0</v>
      </c>
      <c r="H42" s="8">
        <v>0</v>
      </c>
      <c r="I42" s="8">
        <v>0</v>
      </c>
      <c r="J42" s="8">
        <v>0</v>
      </c>
      <c r="K42" s="8">
        <v>0</v>
      </c>
      <c r="L42" s="8">
        <v>1</v>
      </c>
      <c r="M42" s="8">
        <v>1</v>
      </c>
      <c r="N42" s="8">
        <v>1</v>
      </c>
      <c r="O42" s="8">
        <v>1</v>
      </c>
      <c r="P42" s="8">
        <v>6</v>
      </c>
      <c r="Q42" s="8">
        <v>0</v>
      </c>
      <c r="R42" s="8">
        <v>0</v>
      </c>
      <c r="S42" s="8">
        <v>0</v>
      </c>
      <c r="T42" s="8">
        <v>0</v>
      </c>
      <c r="U42" s="8">
        <v>0</v>
      </c>
      <c r="V42" s="8">
        <v>1</v>
      </c>
      <c r="W42" s="8">
        <v>1</v>
      </c>
    </row>
    <row r="43" spans="1:23">
      <c r="A43" s="9" t="s">
        <v>27</v>
      </c>
      <c r="B43" s="10">
        <v>0.41270000000000001</v>
      </c>
      <c r="C43" s="8">
        <v>1</v>
      </c>
      <c r="D43" s="8">
        <v>1</v>
      </c>
      <c r="E43" s="8">
        <v>1</v>
      </c>
      <c r="F43" s="8">
        <v>1</v>
      </c>
      <c r="G43" s="8">
        <v>6</v>
      </c>
      <c r="H43" s="8">
        <v>0</v>
      </c>
      <c r="I43" s="8">
        <v>0</v>
      </c>
      <c r="J43" s="8">
        <v>0</v>
      </c>
      <c r="K43" s="8">
        <v>0</v>
      </c>
      <c r="L43" s="8">
        <v>0</v>
      </c>
      <c r="M43" s="8">
        <v>1</v>
      </c>
      <c r="N43" s="8">
        <v>1</v>
      </c>
      <c r="O43" s="8">
        <v>1</v>
      </c>
      <c r="P43" s="8">
        <v>1</v>
      </c>
      <c r="Q43" s="8">
        <v>6</v>
      </c>
      <c r="R43" s="8">
        <v>0</v>
      </c>
      <c r="S43" s="8">
        <v>0</v>
      </c>
      <c r="T43" s="8">
        <v>0</v>
      </c>
      <c r="U43" s="8">
        <v>0</v>
      </c>
      <c r="V43" s="8">
        <v>0</v>
      </c>
      <c r="W43" s="8">
        <v>1</v>
      </c>
    </row>
    <row r="44" spans="1:23">
      <c r="A44" s="9" t="s">
        <v>28</v>
      </c>
      <c r="B44" s="10">
        <v>0.30909999999999999</v>
      </c>
      <c r="C44" s="8">
        <v>0</v>
      </c>
      <c r="D44" s="8">
        <v>1</v>
      </c>
      <c r="E44" s="8">
        <v>1</v>
      </c>
      <c r="F44" s="8">
        <v>1</v>
      </c>
      <c r="G44" s="8">
        <v>1</v>
      </c>
      <c r="H44" s="8">
        <v>6</v>
      </c>
      <c r="I44" s="8">
        <v>0</v>
      </c>
      <c r="J44" s="8">
        <v>0</v>
      </c>
      <c r="K44" s="8">
        <v>0</v>
      </c>
      <c r="L44" s="8">
        <v>0</v>
      </c>
      <c r="M44" s="8">
        <v>0</v>
      </c>
      <c r="N44" s="8">
        <v>1</v>
      </c>
      <c r="O44" s="8">
        <v>1</v>
      </c>
      <c r="P44" s="8">
        <v>1</v>
      </c>
      <c r="Q44" s="8">
        <v>1</v>
      </c>
      <c r="R44" s="8">
        <v>6</v>
      </c>
      <c r="S44" s="8">
        <v>0</v>
      </c>
      <c r="T44" s="8">
        <v>0</v>
      </c>
      <c r="U44" s="8">
        <v>0</v>
      </c>
      <c r="V44" s="8">
        <v>0</v>
      </c>
      <c r="W44" s="8">
        <v>0</v>
      </c>
    </row>
    <row r="45" spans="1:23">
      <c r="A45" s="9" t="s">
        <v>29</v>
      </c>
      <c r="B45" s="10">
        <v>0.22270000000000001</v>
      </c>
      <c r="C45" s="8">
        <v>0</v>
      </c>
      <c r="D45" s="8">
        <v>0</v>
      </c>
      <c r="E45" s="8">
        <v>1</v>
      </c>
      <c r="F45" s="8">
        <v>1</v>
      </c>
      <c r="G45" s="8">
        <v>1</v>
      </c>
      <c r="H45" s="8">
        <v>1</v>
      </c>
      <c r="I45" s="8">
        <v>6</v>
      </c>
      <c r="J45" s="8">
        <v>0</v>
      </c>
      <c r="K45" s="8">
        <v>0</v>
      </c>
      <c r="L45" s="8">
        <v>0</v>
      </c>
      <c r="M45" s="8">
        <v>0</v>
      </c>
      <c r="N45" s="8">
        <v>0</v>
      </c>
      <c r="O45" s="8">
        <v>1</v>
      </c>
      <c r="P45" s="8">
        <v>1</v>
      </c>
      <c r="Q45" s="8">
        <v>1</v>
      </c>
      <c r="R45" s="8">
        <v>1</v>
      </c>
      <c r="S45" s="8">
        <v>6</v>
      </c>
      <c r="T45" s="8">
        <v>0</v>
      </c>
      <c r="U45" s="8">
        <v>0</v>
      </c>
      <c r="V45" s="8">
        <v>0</v>
      </c>
      <c r="W45" s="8">
        <v>0</v>
      </c>
    </row>
    <row r="46" spans="1:23">
      <c r="A46" s="9" t="s">
        <v>30</v>
      </c>
      <c r="B46" s="10">
        <v>0.15359999999999999</v>
      </c>
      <c r="C46" s="8">
        <v>0</v>
      </c>
      <c r="D46" s="8">
        <v>0</v>
      </c>
      <c r="E46" s="8">
        <v>0</v>
      </c>
      <c r="F46" s="8">
        <v>1</v>
      </c>
      <c r="G46" s="8">
        <v>1</v>
      </c>
      <c r="H46" s="8">
        <v>1</v>
      </c>
      <c r="I46" s="8">
        <v>1</v>
      </c>
      <c r="J46" s="8">
        <v>6</v>
      </c>
      <c r="K46" s="8">
        <v>0</v>
      </c>
      <c r="L46" s="8">
        <v>0</v>
      </c>
      <c r="M46" s="8">
        <v>0</v>
      </c>
      <c r="N46" s="8">
        <v>0</v>
      </c>
      <c r="O46" s="8">
        <v>0</v>
      </c>
      <c r="P46" s="8">
        <v>1</v>
      </c>
      <c r="Q46" s="8">
        <v>1</v>
      </c>
      <c r="R46" s="8">
        <v>1</v>
      </c>
      <c r="S46" s="8">
        <v>1</v>
      </c>
      <c r="T46" s="8">
        <v>6</v>
      </c>
      <c r="U46" s="8">
        <v>0</v>
      </c>
      <c r="V46" s="8">
        <v>0</v>
      </c>
      <c r="W46" s="8">
        <v>0</v>
      </c>
    </row>
    <row r="47" spans="1:23">
      <c r="A47" s="9" t="s">
        <v>31</v>
      </c>
      <c r="B47" s="10">
        <v>0.1018</v>
      </c>
      <c r="C47" s="8">
        <v>0</v>
      </c>
      <c r="D47" s="8">
        <v>0</v>
      </c>
      <c r="E47" s="8">
        <v>0</v>
      </c>
      <c r="F47" s="8">
        <v>0</v>
      </c>
      <c r="G47" s="8">
        <v>1</v>
      </c>
      <c r="H47" s="8">
        <v>1</v>
      </c>
      <c r="I47" s="8">
        <v>1</v>
      </c>
      <c r="J47" s="8">
        <v>1</v>
      </c>
      <c r="K47" s="8">
        <v>6</v>
      </c>
      <c r="L47" s="8">
        <v>0</v>
      </c>
      <c r="M47" s="8">
        <v>0</v>
      </c>
      <c r="N47" s="8">
        <v>0</v>
      </c>
      <c r="O47" s="8">
        <v>0</v>
      </c>
      <c r="P47" s="8">
        <v>0</v>
      </c>
      <c r="Q47" s="8">
        <v>1</v>
      </c>
      <c r="R47" s="8">
        <v>1</v>
      </c>
      <c r="S47" s="8">
        <v>1</v>
      </c>
      <c r="T47" s="8">
        <v>1</v>
      </c>
      <c r="U47" s="8">
        <v>6</v>
      </c>
      <c r="V47" s="8">
        <v>0</v>
      </c>
      <c r="W47" s="8">
        <v>0</v>
      </c>
    </row>
    <row r="48" spans="1:23">
      <c r="A48" s="9" t="s">
        <v>32</v>
      </c>
      <c r="B48" s="10">
        <v>6.7299999999999999E-2</v>
      </c>
      <c r="C48" s="8">
        <v>0</v>
      </c>
      <c r="D48" s="8">
        <v>0</v>
      </c>
      <c r="E48" s="8">
        <v>0</v>
      </c>
      <c r="F48" s="8">
        <v>0</v>
      </c>
      <c r="G48" s="8">
        <v>0</v>
      </c>
      <c r="H48" s="8">
        <v>1</v>
      </c>
      <c r="I48" s="8">
        <v>1</v>
      </c>
      <c r="J48" s="8">
        <v>1</v>
      </c>
      <c r="K48" s="8">
        <v>1</v>
      </c>
      <c r="L48" s="8">
        <v>6</v>
      </c>
      <c r="M48" s="8">
        <v>0</v>
      </c>
      <c r="N48" s="8">
        <v>0</v>
      </c>
      <c r="O48" s="8">
        <v>0</v>
      </c>
      <c r="P48" s="8">
        <v>0</v>
      </c>
      <c r="Q48" s="8">
        <v>0</v>
      </c>
      <c r="R48" s="8">
        <v>1</v>
      </c>
      <c r="S48" s="8">
        <v>1</v>
      </c>
      <c r="T48" s="8">
        <v>1</v>
      </c>
      <c r="U48" s="8">
        <v>1</v>
      </c>
      <c r="V48" s="8">
        <v>6</v>
      </c>
      <c r="W48" s="8">
        <v>0</v>
      </c>
    </row>
    <row r="49" spans="1:23">
      <c r="A49" s="9" t="s">
        <v>33</v>
      </c>
      <c r="B49" s="7">
        <v>0.05</v>
      </c>
      <c r="C49" s="8">
        <v>0</v>
      </c>
      <c r="D49" s="8">
        <v>0</v>
      </c>
      <c r="E49" s="8">
        <v>0</v>
      </c>
      <c r="F49" s="8">
        <v>0</v>
      </c>
      <c r="G49" s="8">
        <v>0</v>
      </c>
      <c r="H49" s="8">
        <v>0</v>
      </c>
      <c r="I49" s="8">
        <v>0</v>
      </c>
      <c r="J49" s="8">
        <v>0</v>
      </c>
      <c r="K49" s="8">
        <v>0</v>
      </c>
      <c r="L49" s="8">
        <v>0</v>
      </c>
      <c r="M49" s="8">
        <v>0</v>
      </c>
      <c r="N49" s="8">
        <v>0</v>
      </c>
      <c r="O49" s="8">
        <v>0</v>
      </c>
      <c r="P49" s="8">
        <v>0</v>
      </c>
      <c r="Q49" s="8">
        <v>0</v>
      </c>
      <c r="R49" s="8">
        <v>0</v>
      </c>
      <c r="S49" s="8">
        <v>0</v>
      </c>
      <c r="T49" s="8">
        <v>0</v>
      </c>
      <c r="U49" s="8">
        <v>0</v>
      </c>
      <c r="V49" s="8">
        <v>0</v>
      </c>
      <c r="W49" s="8">
        <v>6</v>
      </c>
    </row>
    <row r="50" spans="1:23">
      <c r="A50" s="14" t="s">
        <v>34</v>
      </c>
      <c r="B50" s="14"/>
      <c r="C50" s="15">
        <v>10</v>
      </c>
      <c r="D50" s="15">
        <v>10</v>
      </c>
      <c r="E50" s="15">
        <v>10</v>
      </c>
      <c r="F50" s="15">
        <v>10</v>
      </c>
      <c r="G50" s="15">
        <v>10</v>
      </c>
      <c r="H50" s="15">
        <v>10</v>
      </c>
      <c r="I50" s="15">
        <v>10</v>
      </c>
      <c r="J50" s="15">
        <v>10</v>
      </c>
      <c r="K50" s="15">
        <v>10</v>
      </c>
      <c r="L50" s="15">
        <v>10</v>
      </c>
      <c r="M50" s="15">
        <v>10</v>
      </c>
      <c r="N50" s="15">
        <v>10</v>
      </c>
      <c r="O50" s="15">
        <v>10</v>
      </c>
      <c r="P50" s="15">
        <v>10</v>
      </c>
      <c r="Q50" s="15">
        <v>10</v>
      </c>
      <c r="R50" s="15">
        <v>10</v>
      </c>
      <c r="S50" s="15">
        <v>10</v>
      </c>
      <c r="T50" s="15">
        <v>10</v>
      </c>
      <c r="U50" s="15">
        <v>10</v>
      </c>
      <c r="V50" s="15">
        <v>10</v>
      </c>
      <c r="W50" s="15">
        <v>10</v>
      </c>
    </row>
    <row r="52" spans="1:23" ht="18">
      <c r="A52" s="165" t="s">
        <v>146</v>
      </c>
    </row>
    <row r="53" spans="1:23">
      <c r="A53" s="18" t="s">
        <v>35</v>
      </c>
      <c r="B53" s="19"/>
      <c r="C53" s="19" t="s">
        <v>2</v>
      </c>
      <c r="D53" s="19" t="s">
        <v>3</v>
      </c>
      <c r="E53" s="19" t="s">
        <v>4</v>
      </c>
      <c r="F53" s="19" t="s">
        <v>5</v>
      </c>
      <c r="G53" s="19" t="s">
        <v>6</v>
      </c>
      <c r="H53" s="19" t="s">
        <v>7</v>
      </c>
      <c r="I53" s="19" t="s">
        <v>8</v>
      </c>
      <c r="J53" s="19" t="s">
        <v>9</v>
      </c>
      <c r="K53" s="19" t="s">
        <v>10</v>
      </c>
      <c r="L53" s="19" t="s">
        <v>11</v>
      </c>
      <c r="M53" s="19" t="s">
        <v>12</v>
      </c>
      <c r="N53" s="19" t="s">
        <v>13</v>
      </c>
      <c r="O53" s="19" t="s">
        <v>14</v>
      </c>
      <c r="P53" s="19" t="s">
        <v>15</v>
      </c>
      <c r="Q53" s="19" t="s">
        <v>16</v>
      </c>
      <c r="R53" s="19" t="s">
        <v>17</v>
      </c>
      <c r="S53" s="19" t="s">
        <v>18</v>
      </c>
      <c r="T53" s="19" t="s">
        <v>19</v>
      </c>
      <c r="U53" s="19" t="s">
        <v>20</v>
      </c>
      <c r="V53" s="19" t="s">
        <v>21</v>
      </c>
      <c r="W53" s="20" t="s">
        <v>22</v>
      </c>
    </row>
    <row r="54" spans="1:23">
      <c r="A54" s="21" t="s">
        <v>36</v>
      </c>
      <c r="B54" s="22"/>
      <c r="C54" s="7">
        <v>0.48568571428571433</v>
      </c>
      <c r="D54" s="23">
        <v>1</v>
      </c>
      <c r="E54" s="23">
        <v>1</v>
      </c>
      <c r="F54" s="23">
        <v>1</v>
      </c>
      <c r="G54" s="23">
        <v>1</v>
      </c>
      <c r="H54" s="23">
        <v>1</v>
      </c>
      <c r="I54" s="23">
        <v>1</v>
      </c>
      <c r="J54" s="23">
        <v>1</v>
      </c>
      <c r="K54" s="23">
        <v>1</v>
      </c>
      <c r="L54" s="23">
        <v>1</v>
      </c>
      <c r="M54" s="23">
        <v>1</v>
      </c>
      <c r="N54" s="23">
        <v>1</v>
      </c>
      <c r="O54" s="23">
        <v>1</v>
      </c>
      <c r="P54" s="23">
        <v>1</v>
      </c>
      <c r="Q54" s="23">
        <v>1</v>
      </c>
      <c r="R54" s="23">
        <v>1</v>
      </c>
      <c r="S54" s="23">
        <v>1</v>
      </c>
      <c r="T54" s="23">
        <v>1</v>
      </c>
      <c r="U54" s="23">
        <v>1</v>
      </c>
      <c r="V54" s="23">
        <v>1</v>
      </c>
      <c r="W54" s="24">
        <v>1</v>
      </c>
    </row>
    <row r="55" spans="1:23">
      <c r="A55" s="25" t="s">
        <v>37</v>
      </c>
      <c r="B55" s="12"/>
      <c r="C55" s="13">
        <v>7</v>
      </c>
      <c r="D55" s="13">
        <v>1</v>
      </c>
      <c r="E55" s="13">
        <v>1</v>
      </c>
      <c r="F55" s="13">
        <v>1</v>
      </c>
      <c r="G55" s="13">
        <v>1</v>
      </c>
      <c r="H55" s="13">
        <v>1</v>
      </c>
      <c r="I55" s="13">
        <v>1</v>
      </c>
      <c r="J55" s="13">
        <v>1</v>
      </c>
      <c r="K55" s="13">
        <v>1</v>
      </c>
      <c r="L55" s="13">
        <v>1</v>
      </c>
      <c r="M55" s="13">
        <v>1</v>
      </c>
      <c r="N55" s="13">
        <v>1</v>
      </c>
      <c r="O55" s="13">
        <v>1</v>
      </c>
      <c r="P55" s="13">
        <v>1</v>
      </c>
      <c r="Q55" s="13">
        <v>1</v>
      </c>
      <c r="R55" s="13">
        <v>1</v>
      </c>
      <c r="S55" s="13">
        <v>1</v>
      </c>
      <c r="T55" s="13">
        <v>1</v>
      </c>
      <c r="U55" s="13">
        <v>1</v>
      </c>
      <c r="V55" s="13">
        <v>1</v>
      </c>
      <c r="W55" s="26">
        <v>1</v>
      </c>
    </row>
    <row r="57" spans="1:23">
      <c r="A57" s="18" t="s">
        <v>38</v>
      </c>
      <c r="B57" s="19"/>
      <c r="C57" s="19" t="s">
        <v>2</v>
      </c>
      <c r="D57" s="19" t="s">
        <v>3</v>
      </c>
      <c r="E57" s="19" t="s">
        <v>4</v>
      </c>
      <c r="F57" s="19" t="s">
        <v>5</v>
      </c>
      <c r="G57" s="19" t="s">
        <v>6</v>
      </c>
      <c r="H57" s="19" t="s">
        <v>7</v>
      </c>
      <c r="I57" s="19" t="s">
        <v>8</v>
      </c>
      <c r="J57" s="19" t="s">
        <v>9</v>
      </c>
      <c r="K57" s="19" t="s">
        <v>10</v>
      </c>
      <c r="L57" s="19" t="s">
        <v>11</v>
      </c>
      <c r="M57" s="19" t="s">
        <v>12</v>
      </c>
      <c r="N57" s="19" t="s">
        <v>13</v>
      </c>
      <c r="O57" s="19" t="s">
        <v>14</v>
      </c>
      <c r="P57" s="19" t="s">
        <v>15</v>
      </c>
      <c r="Q57" s="19" t="s">
        <v>16</v>
      </c>
      <c r="R57" s="19" t="s">
        <v>17</v>
      </c>
      <c r="S57" s="19" t="s">
        <v>18</v>
      </c>
      <c r="T57" s="19" t="s">
        <v>19</v>
      </c>
      <c r="U57" s="19" t="s">
        <v>20</v>
      </c>
      <c r="V57" s="19" t="s">
        <v>21</v>
      </c>
      <c r="W57" s="20" t="s">
        <v>22</v>
      </c>
    </row>
    <row r="58" spans="1:23">
      <c r="A58" s="21" t="s">
        <v>36</v>
      </c>
      <c r="B58" s="22"/>
      <c r="C58" s="7">
        <v>0.42999000000000009</v>
      </c>
      <c r="D58" s="23">
        <v>1</v>
      </c>
      <c r="E58" s="23">
        <v>1</v>
      </c>
      <c r="F58" s="23">
        <v>1</v>
      </c>
      <c r="G58" s="23">
        <v>1</v>
      </c>
      <c r="H58" s="23">
        <v>1</v>
      </c>
      <c r="I58" s="23">
        <v>1</v>
      </c>
      <c r="J58" s="23">
        <v>1</v>
      </c>
      <c r="K58" s="23">
        <v>1</v>
      </c>
      <c r="L58" s="23">
        <v>1</v>
      </c>
      <c r="M58" s="23">
        <v>1</v>
      </c>
      <c r="N58" s="23">
        <v>1</v>
      </c>
      <c r="O58" s="23">
        <v>1</v>
      </c>
      <c r="P58" s="23">
        <v>1</v>
      </c>
      <c r="Q58" s="23">
        <v>1</v>
      </c>
      <c r="R58" s="23">
        <v>1</v>
      </c>
      <c r="S58" s="23">
        <v>1</v>
      </c>
      <c r="T58" s="23">
        <v>1</v>
      </c>
      <c r="U58" s="23">
        <v>1</v>
      </c>
      <c r="V58" s="23">
        <v>1</v>
      </c>
      <c r="W58" s="24">
        <v>1</v>
      </c>
    </row>
    <row r="59" spans="1:23">
      <c r="A59" s="25" t="s">
        <v>37</v>
      </c>
      <c r="B59" s="12"/>
      <c r="C59" s="13">
        <v>10</v>
      </c>
      <c r="D59" s="13">
        <v>1</v>
      </c>
      <c r="E59" s="13">
        <v>1</v>
      </c>
      <c r="F59" s="13">
        <v>1</v>
      </c>
      <c r="G59" s="13">
        <v>1</v>
      </c>
      <c r="H59" s="13">
        <v>1</v>
      </c>
      <c r="I59" s="13">
        <v>1</v>
      </c>
      <c r="J59" s="13">
        <v>1</v>
      </c>
      <c r="K59" s="13">
        <v>1</v>
      </c>
      <c r="L59" s="13">
        <v>1</v>
      </c>
      <c r="M59" s="13">
        <v>1</v>
      </c>
      <c r="N59" s="13">
        <v>1</v>
      </c>
      <c r="O59" s="13">
        <v>1</v>
      </c>
      <c r="P59" s="13">
        <v>1</v>
      </c>
      <c r="Q59" s="13">
        <v>1</v>
      </c>
      <c r="R59" s="13">
        <v>1</v>
      </c>
      <c r="S59" s="13">
        <v>1</v>
      </c>
      <c r="T59" s="13">
        <v>1</v>
      </c>
      <c r="U59" s="13">
        <v>1</v>
      </c>
      <c r="V59" s="13">
        <v>1</v>
      </c>
      <c r="W59" s="26">
        <v>1</v>
      </c>
    </row>
    <row r="60" spans="1:23">
      <c r="A60" s="3"/>
    </row>
    <row r="61" spans="1:23">
      <c r="A61" s="18" t="s">
        <v>39</v>
      </c>
      <c r="B61" s="19"/>
      <c r="C61" s="19" t="s">
        <v>2</v>
      </c>
      <c r="D61" s="19" t="s">
        <v>3</v>
      </c>
      <c r="E61" s="19" t="s">
        <v>4</v>
      </c>
      <c r="F61" s="19" t="s">
        <v>5</v>
      </c>
      <c r="G61" s="19" t="s">
        <v>6</v>
      </c>
      <c r="H61" s="19" t="s">
        <v>7</v>
      </c>
      <c r="I61" s="19" t="s">
        <v>8</v>
      </c>
      <c r="J61" s="19" t="s">
        <v>9</v>
      </c>
      <c r="K61" s="19" t="s">
        <v>10</v>
      </c>
      <c r="L61" s="19" t="s">
        <v>11</v>
      </c>
      <c r="M61" s="19" t="s">
        <v>12</v>
      </c>
      <c r="N61" s="19" t="s">
        <v>13</v>
      </c>
      <c r="O61" s="19" t="s">
        <v>14</v>
      </c>
      <c r="P61" s="19" t="s">
        <v>15</v>
      </c>
      <c r="Q61" s="19" t="s">
        <v>16</v>
      </c>
      <c r="R61" s="19" t="s">
        <v>17</v>
      </c>
      <c r="S61" s="19" t="s">
        <v>18</v>
      </c>
      <c r="T61" s="19" t="s">
        <v>19</v>
      </c>
      <c r="U61" s="19" t="s">
        <v>20</v>
      </c>
      <c r="V61" s="19" t="s">
        <v>21</v>
      </c>
      <c r="W61" s="20" t="s">
        <v>22</v>
      </c>
    </row>
    <row r="62" spans="1:23">
      <c r="A62" s="21" t="s">
        <v>36</v>
      </c>
      <c r="B62" s="22"/>
      <c r="C62" s="7">
        <v>0.84453999999999996</v>
      </c>
      <c r="D62" s="23">
        <v>1</v>
      </c>
      <c r="E62" s="23">
        <v>1</v>
      </c>
      <c r="F62" s="23">
        <v>1</v>
      </c>
      <c r="G62" s="23">
        <v>1</v>
      </c>
      <c r="H62" s="23">
        <v>1</v>
      </c>
      <c r="I62" s="23">
        <v>1</v>
      </c>
      <c r="J62" s="23">
        <v>1</v>
      </c>
      <c r="K62" s="23">
        <v>1</v>
      </c>
      <c r="L62" s="23">
        <v>1</v>
      </c>
      <c r="M62" s="23">
        <v>1</v>
      </c>
      <c r="N62" s="23">
        <v>1</v>
      </c>
      <c r="O62" s="23">
        <v>1</v>
      </c>
      <c r="P62" s="23">
        <v>1</v>
      </c>
      <c r="Q62" s="23">
        <v>1</v>
      </c>
      <c r="R62" s="23">
        <v>1</v>
      </c>
      <c r="S62" s="23">
        <v>1</v>
      </c>
      <c r="T62" s="23">
        <v>1</v>
      </c>
      <c r="U62" s="23">
        <v>1</v>
      </c>
      <c r="V62" s="23">
        <v>1</v>
      </c>
      <c r="W62" s="24">
        <v>1</v>
      </c>
    </row>
    <row r="63" spans="1:23">
      <c r="A63" s="25" t="s">
        <v>37</v>
      </c>
      <c r="B63" s="12"/>
      <c r="C63" s="13">
        <v>10</v>
      </c>
      <c r="D63" s="13">
        <v>0</v>
      </c>
      <c r="E63" s="13">
        <v>0</v>
      </c>
      <c r="F63" s="13">
        <v>0</v>
      </c>
      <c r="G63" s="13">
        <v>0</v>
      </c>
      <c r="H63" s="13">
        <v>0</v>
      </c>
      <c r="I63" s="13">
        <v>1</v>
      </c>
      <c r="J63" s="13">
        <v>1</v>
      </c>
      <c r="K63" s="13">
        <v>1</v>
      </c>
      <c r="L63" s="13">
        <v>1</v>
      </c>
      <c r="M63" s="13">
        <v>6</v>
      </c>
      <c r="N63" s="13">
        <v>0</v>
      </c>
      <c r="O63" s="13">
        <v>0</v>
      </c>
      <c r="P63" s="13">
        <v>0</v>
      </c>
      <c r="Q63" s="13">
        <v>0</v>
      </c>
      <c r="R63" s="13">
        <v>0</v>
      </c>
      <c r="S63" s="13">
        <v>1</v>
      </c>
      <c r="T63" s="13">
        <v>1</v>
      </c>
      <c r="U63" s="13">
        <v>1</v>
      </c>
      <c r="V63" s="13">
        <v>1</v>
      </c>
      <c r="W63" s="26">
        <v>0</v>
      </c>
    </row>
    <row r="64" spans="1:23">
      <c r="A64" s="22"/>
      <c r="B64" s="22"/>
      <c r="C64" s="171"/>
      <c r="D64" s="171"/>
      <c r="E64" s="171"/>
      <c r="F64" s="171"/>
      <c r="G64" s="171"/>
      <c r="H64" s="171"/>
      <c r="I64" s="171"/>
      <c r="J64" s="171"/>
      <c r="K64" s="171"/>
      <c r="L64" s="171"/>
      <c r="M64" s="171"/>
      <c r="N64" s="171"/>
      <c r="O64" s="171"/>
      <c r="P64" s="171"/>
      <c r="Q64" s="171"/>
      <c r="R64" s="171"/>
      <c r="S64" s="171"/>
      <c r="T64" s="171"/>
      <c r="U64" s="171"/>
      <c r="V64" s="171"/>
      <c r="W64" s="171"/>
    </row>
    <row r="65" spans="1:23">
      <c r="A65" s="22"/>
      <c r="B65" s="22"/>
      <c r="C65" s="171"/>
      <c r="D65" s="171"/>
      <c r="E65" s="171"/>
      <c r="F65" s="171"/>
      <c r="G65" s="171"/>
      <c r="H65" s="171"/>
      <c r="I65" s="171"/>
      <c r="J65" s="171"/>
      <c r="K65" s="171"/>
      <c r="L65" s="171"/>
      <c r="M65" s="171"/>
      <c r="N65" s="171"/>
      <c r="O65" s="171"/>
      <c r="P65" s="171"/>
      <c r="Q65" s="171"/>
      <c r="R65" s="171"/>
      <c r="S65" s="171"/>
      <c r="T65" s="171"/>
      <c r="U65" s="171"/>
      <c r="V65" s="171"/>
      <c r="W65" s="171"/>
    </row>
    <row r="66" spans="1:23">
      <c r="A66" s="22"/>
      <c r="B66" s="22"/>
      <c r="C66" s="171"/>
      <c r="D66" s="171"/>
      <c r="E66" s="171"/>
      <c r="F66" s="171"/>
      <c r="G66" s="171"/>
      <c r="H66" s="171"/>
      <c r="I66" s="171"/>
      <c r="J66" s="171"/>
      <c r="K66" s="171"/>
      <c r="L66" s="171"/>
      <c r="M66" s="171"/>
      <c r="N66" s="171"/>
      <c r="O66" s="171"/>
      <c r="P66" s="171"/>
      <c r="Q66" s="171"/>
      <c r="R66" s="171"/>
      <c r="S66" s="171"/>
      <c r="T66" s="171"/>
      <c r="U66" s="171"/>
      <c r="V66" s="171"/>
      <c r="W66" s="171"/>
    </row>
    <row r="67" spans="1:23">
      <c r="A67" s="22"/>
      <c r="B67" s="22"/>
      <c r="C67" s="171"/>
      <c r="D67" s="171"/>
      <c r="E67" s="171"/>
      <c r="F67" s="171"/>
      <c r="G67" s="171"/>
      <c r="H67" s="171"/>
      <c r="I67" s="171"/>
      <c r="J67" s="171"/>
      <c r="K67" s="171"/>
      <c r="L67" s="171"/>
      <c r="M67" s="171"/>
      <c r="N67" s="171"/>
      <c r="O67" s="171"/>
      <c r="P67" s="171"/>
      <c r="Q67" s="171"/>
      <c r="R67" s="171"/>
      <c r="S67" s="171"/>
      <c r="T67" s="171"/>
      <c r="U67" s="171"/>
      <c r="V67" s="171"/>
      <c r="W67" s="171"/>
    </row>
    <row r="68" spans="1:23">
      <c r="A68" s="22"/>
      <c r="B68" s="22"/>
      <c r="C68" s="171"/>
      <c r="D68" s="171"/>
      <c r="E68" s="171"/>
      <c r="F68" s="171"/>
      <c r="G68" s="171"/>
      <c r="H68" s="171"/>
      <c r="I68" s="171"/>
      <c r="J68" s="171"/>
      <c r="K68" s="171"/>
      <c r="L68" s="171"/>
      <c r="M68" s="171"/>
      <c r="N68" s="171"/>
      <c r="O68" s="171"/>
      <c r="P68" s="171"/>
      <c r="Q68" s="171"/>
      <c r="R68" s="171"/>
      <c r="S68" s="171"/>
      <c r="T68" s="171"/>
      <c r="U68" s="171"/>
      <c r="V68" s="171"/>
      <c r="W68" s="171"/>
    </row>
    <row r="69" spans="1:23">
      <c r="A69" s="22"/>
      <c r="B69" s="22"/>
      <c r="C69" s="171"/>
      <c r="D69" s="171"/>
      <c r="E69" s="171"/>
      <c r="F69" s="171"/>
      <c r="G69" s="171"/>
      <c r="H69" s="171"/>
      <c r="I69" s="171"/>
      <c r="J69" s="171"/>
      <c r="K69" s="171"/>
      <c r="L69" s="171"/>
      <c r="M69" s="171"/>
      <c r="N69" s="171"/>
      <c r="O69" s="171"/>
      <c r="P69" s="171"/>
      <c r="Q69" s="171"/>
      <c r="R69" s="171"/>
      <c r="S69" s="171"/>
      <c r="T69" s="171"/>
      <c r="U69" s="171"/>
      <c r="V69" s="171"/>
      <c r="W69" s="171"/>
    </row>
    <row r="70" spans="1:23">
      <c r="A70" s="22"/>
      <c r="B70" s="22"/>
      <c r="C70" s="171"/>
      <c r="D70" s="171"/>
      <c r="E70" s="171"/>
      <c r="F70" s="171"/>
      <c r="G70" s="171"/>
      <c r="H70" s="171"/>
      <c r="I70" s="171"/>
      <c r="J70" s="171"/>
      <c r="K70" s="171"/>
      <c r="L70" s="171"/>
      <c r="M70" s="171"/>
      <c r="N70" s="171"/>
      <c r="O70" s="171"/>
      <c r="P70" s="171"/>
      <c r="Q70" s="171"/>
      <c r="R70" s="171"/>
      <c r="S70" s="171"/>
      <c r="T70" s="171"/>
      <c r="U70" s="171"/>
      <c r="V70" s="171"/>
      <c r="W70" s="171"/>
    </row>
    <row r="71" spans="1:23">
      <c r="A71" s="22"/>
      <c r="B71" s="22"/>
      <c r="C71" s="171"/>
      <c r="D71" s="171"/>
      <c r="E71" s="171"/>
      <c r="F71" s="171"/>
      <c r="G71" s="171"/>
      <c r="H71" s="171"/>
      <c r="I71" s="171"/>
      <c r="J71" s="171"/>
      <c r="K71" s="171"/>
      <c r="L71" s="171"/>
      <c r="M71" s="171"/>
      <c r="N71" s="171"/>
      <c r="O71" s="171"/>
      <c r="P71" s="171"/>
      <c r="Q71" s="171"/>
      <c r="R71" s="171"/>
      <c r="S71" s="171"/>
      <c r="T71" s="171"/>
      <c r="U71" s="171"/>
      <c r="V71" s="171"/>
      <c r="W71" s="171"/>
    </row>
    <row r="72" spans="1:23">
      <c r="A72" s="22"/>
      <c r="B72" s="22"/>
      <c r="C72" s="171"/>
      <c r="D72" s="171"/>
      <c r="E72" s="171"/>
      <c r="F72" s="171"/>
      <c r="G72" s="171"/>
      <c r="H72" s="171"/>
      <c r="I72" s="171"/>
      <c r="J72" s="171"/>
      <c r="K72" s="171"/>
      <c r="L72" s="171"/>
      <c r="M72" s="171"/>
      <c r="N72" s="171"/>
      <c r="O72" s="171"/>
      <c r="P72" s="171"/>
      <c r="Q72" s="171"/>
      <c r="R72" s="171"/>
      <c r="S72" s="171"/>
      <c r="T72" s="171"/>
      <c r="U72" s="171"/>
      <c r="V72" s="171"/>
      <c r="W72" s="171"/>
    </row>
    <row r="73" spans="1:23">
      <c r="A73" s="22"/>
      <c r="B73" s="22"/>
      <c r="C73" s="171"/>
      <c r="D73" s="171"/>
      <c r="E73" s="171"/>
      <c r="F73" s="171"/>
      <c r="G73" s="171"/>
      <c r="H73" s="171"/>
      <c r="I73" s="171"/>
      <c r="J73" s="171"/>
      <c r="K73" s="171"/>
      <c r="L73" s="171"/>
      <c r="M73" s="171"/>
      <c r="N73" s="171"/>
      <c r="O73" s="171"/>
      <c r="P73" s="171"/>
      <c r="Q73" s="171"/>
      <c r="R73" s="171"/>
      <c r="S73" s="171"/>
      <c r="T73" s="171"/>
      <c r="U73" s="171"/>
      <c r="V73" s="171"/>
      <c r="W73" s="171"/>
    </row>
    <row r="74" spans="1:23">
      <c r="A74" s="22"/>
      <c r="B74" s="22"/>
      <c r="C74" s="171"/>
      <c r="D74" s="171"/>
      <c r="E74" s="171"/>
      <c r="F74" s="171"/>
      <c r="G74" s="171"/>
      <c r="H74" s="171"/>
      <c r="I74" s="171"/>
      <c r="J74" s="171"/>
      <c r="K74" s="171"/>
      <c r="L74" s="171"/>
      <c r="M74" s="171"/>
      <c r="N74" s="171"/>
      <c r="O74" s="171"/>
      <c r="P74" s="171"/>
      <c r="Q74" s="171"/>
      <c r="R74" s="171"/>
      <c r="S74" s="171"/>
      <c r="T74" s="171"/>
      <c r="U74" s="171"/>
      <c r="V74" s="171"/>
      <c r="W74" s="171"/>
    </row>
    <row r="75" spans="1:23">
      <c r="A75" s="22"/>
      <c r="B75" s="22"/>
      <c r="C75" s="171"/>
      <c r="D75" s="171"/>
      <c r="E75" s="171"/>
      <c r="F75" s="171"/>
      <c r="G75" s="171"/>
      <c r="H75" s="171"/>
      <c r="I75" s="171"/>
      <c r="J75" s="171"/>
      <c r="K75" s="171"/>
      <c r="L75" s="171"/>
      <c r="M75" s="171"/>
      <c r="N75" s="171"/>
      <c r="O75" s="171"/>
      <c r="P75" s="171"/>
      <c r="Q75" s="171"/>
      <c r="R75" s="171"/>
      <c r="S75" s="171"/>
      <c r="T75" s="171"/>
      <c r="U75" s="171"/>
      <c r="V75" s="171"/>
      <c r="W75" s="171"/>
    </row>
    <row r="76" spans="1:23">
      <c r="A76" s="22"/>
      <c r="B76" s="22"/>
      <c r="C76" s="171"/>
      <c r="D76" s="171"/>
      <c r="E76" s="171"/>
      <c r="F76" s="171"/>
      <c r="G76" s="171"/>
      <c r="H76" s="171"/>
      <c r="I76" s="171"/>
      <c r="J76" s="171"/>
      <c r="K76" s="171"/>
      <c r="L76" s="171"/>
      <c r="M76" s="171"/>
      <c r="N76" s="171"/>
      <c r="O76" s="171"/>
      <c r="P76" s="171"/>
      <c r="Q76" s="171"/>
      <c r="R76" s="171"/>
      <c r="S76" s="171"/>
      <c r="T76" s="171"/>
      <c r="U76" s="171"/>
      <c r="V76" s="171"/>
      <c r="W76" s="171"/>
    </row>
    <row r="77" spans="1:23">
      <c r="A77" s="22"/>
      <c r="B77" s="22"/>
      <c r="C77" s="171"/>
      <c r="D77" s="171"/>
      <c r="E77" s="171"/>
      <c r="F77" s="171"/>
      <c r="G77" s="171"/>
      <c r="H77" s="171"/>
      <c r="I77" s="171"/>
      <c r="J77" s="171"/>
      <c r="K77" s="171"/>
      <c r="L77" s="171"/>
      <c r="M77" s="171"/>
      <c r="N77" s="171"/>
      <c r="O77" s="171"/>
      <c r="P77" s="171"/>
      <c r="Q77" s="171"/>
      <c r="R77" s="171"/>
      <c r="S77" s="171"/>
      <c r="T77" s="171"/>
      <c r="U77" s="171"/>
      <c r="V77" s="171"/>
      <c r="W77" s="171"/>
    </row>
    <row r="78" spans="1:23">
      <c r="A78" s="22"/>
      <c r="B78" s="22"/>
      <c r="C78" s="171"/>
      <c r="D78" s="171"/>
      <c r="E78" s="171"/>
      <c r="F78" s="171"/>
      <c r="G78" s="171"/>
      <c r="H78" s="171"/>
      <c r="I78" s="171"/>
      <c r="J78" s="171"/>
      <c r="K78" s="171"/>
      <c r="L78" s="171"/>
      <c r="M78" s="171"/>
      <c r="N78" s="171"/>
      <c r="O78" s="171"/>
      <c r="P78" s="171"/>
      <c r="Q78" s="171"/>
      <c r="R78" s="171"/>
      <c r="S78" s="171"/>
      <c r="T78" s="171"/>
      <c r="U78" s="171"/>
      <c r="V78" s="171"/>
      <c r="W78" s="171"/>
    </row>
    <row r="79" spans="1:23">
      <c r="A79" s="22"/>
      <c r="B79" s="22"/>
      <c r="C79" s="171"/>
      <c r="D79" s="171"/>
      <c r="E79" s="171"/>
      <c r="F79" s="171"/>
      <c r="G79" s="171"/>
      <c r="H79" s="171"/>
      <c r="I79" s="171"/>
      <c r="J79" s="171"/>
      <c r="K79" s="171"/>
      <c r="L79" s="171"/>
      <c r="M79" s="171"/>
      <c r="N79" s="171"/>
      <c r="O79" s="171"/>
      <c r="P79" s="171"/>
      <c r="Q79" s="171"/>
      <c r="R79" s="171"/>
      <c r="S79" s="171"/>
      <c r="T79" s="171"/>
      <c r="U79" s="171"/>
      <c r="V79" s="171"/>
      <c r="W79" s="171"/>
    </row>
    <row r="80" spans="1:23">
      <c r="A80" s="22"/>
      <c r="B80" s="22"/>
      <c r="C80" s="171"/>
      <c r="D80" s="171"/>
      <c r="E80" s="171"/>
      <c r="F80" s="171"/>
      <c r="G80" s="171"/>
      <c r="H80" s="171"/>
      <c r="I80" s="171"/>
      <c r="J80" s="171"/>
      <c r="K80" s="171"/>
      <c r="L80" s="171"/>
      <c r="M80" s="171"/>
      <c r="N80" s="171"/>
      <c r="O80" s="171"/>
      <c r="P80" s="171"/>
      <c r="Q80" s="171"/>
      <c r="R80" s="171"/>
      <c r="S80" s="171"/>
      <c r="T80" s="171"/>
      <c r="U80" s="171"/>
      <c r="V80" s="171"/>
      <c r="W80" s="171"/>
    </row>
    <row r="81" spans="1:23">
      <c r="A81" s="22"/>
      <c r="B81" s="22"/>
      <c r="C81" s="171"/>
      <c r="D81" s="171"/>
      <c r="E81" s="171"/>
      <c r="F81" s="171"/>
      <c r="G81" s="171"/>
      <c r="H81" s="171"/>
      <c r="I81" s="171"/>
      <c r="J81" s="171"/>
      <c r="K81" s="171"/>
      <c r="L81" s="171"/>
      <c r="M81" s="171"/>
      <c r="N81" s="171"/>
      <c r="O81" s="171"/>
      <c r="P81" s="171"/>
      <c r="Q81" s="171"/>
      <c r="R81" s="171"/>
      <c r="S81" s="171"/>
      <c r="T81" s="171"/>
      <c r="U81" s="171"/>
      <c r="V81" s="171"/>
      <c r="W81" s="171"/>
    </row>
    <row r="82" spans="1:23">
      <c r="A82" s="22"/>
      <c r="B82" s="22"/>
      <c r="C82" s="171"/>
      <c r="D82" s="171"/>
      <c r="E82" s="171"/>
      <c r="F82" s="171"/>
      <c r="G82" s="171"/>
      <c r="H82" s="171"/>
      <c r="I82" s="171"/>
      <c r="J82" s="171"/>
      <c r="K82" s="171"/>
      <c r="L82" s="171"/>
      <c r="M82" s="171"/>
      <c r="N82" s="171"/>
      <c r="O82" s="171"/>
      <c r="P82" s="171"/>
      <c r="Q82" s="171"/>
      <c r="R82" s="171"/>
      <c r="S82" s="171"/>
      <c r="T82" s="171"/>
      <c r="U82" s="171"/>
      <c r="V82" s="171"/>
      <c r="W82" s="171"/>
    </row>
    <row r="83" spans="1:23">
      <c r="A83" s="22"/>
      <c r="B83" s="22"/>
      <c r="C83" s="171"/>
      <c r="D83" s="171"/>
      <c r="E83" s="171"/>
      <c r="F83" s="171"/>
      <c r="G83" s="171"/>
      <c r="H83" s="171"/>
      <c r="I83" s="171"/>
      <c r="J83" s="171"/>
      <c r="K83" s="171"/>
      <c r="L83" s="171"/>
      <c r="M83" s="171"/>
      <c r="N83" s="171"/>
      <c r="O83" s="171"/>
      <c r="P83" s="171"/>
      <c r="Q83" s="171"/>
      <c r="R83" s="171"/>
      <c r="S83" s="171"/>
      <c r="T83" s="171"/>
      <c r="U83" s="171"/>
      <c r="V83" s="171"/>
      <c r="W83" s="171"/>
    </row>
    <row r="84" spans="1:23" ht="12.75">
      <c r="K84" s="172" t="s">
        <v>178</v>
      </c>
    </row>
    <row r="85" spans="1:23" ht="12.75">
      <c r="K85" s="172"/>
    </row>
    <row r="86" spans="1:23" ht="12.75">
      <c r="K86" s="172"/>
    </row>
    <row r="87" spans="1:23" ht="12.75">
      <c r="K87" s="172"/>
    </row>
    <row r="88" spans="1:23" ht="18">
      <c r="A88" s="165" t="s">
        <v>147</v>
      </c>
    </row>
    <row r="89" spans="1:23" ht="18">
      <c r="A89" s="165" t="s">
        <v>148</v>
      </c>
    </row>
    <row r="90" spans="1:23" ht="18">
      <c r="A90" s="165" t="s">
        <v>143</v>
      </c>
      <c r="B90" s="1"/>
      <c r="C90" s="170">
        <v>0.1</v>
      </c>
    </row>
    <row r="91" spans="1:23">
      <c r="A91" s="4" t="s">
        <v>0</v>
      </c>
      <c r="B91" s="5" t="s">
        <v>1</v>
      </c>
      <c r="C91" s="5" t="s">
        <v>2</v>
      </c>
      <c r="D91" s="5" t="s">
        <v>3</v>
      </c>
      <c r="E91" s="5" t="s">
        <v>4</v>
      </c>
      <c r="F91" s="5" t="s">
        <v>5</v>
      </c>
      <c r="G91" s="5" t="s">
        <v>6</v>
      </c>
      <c r="H91" s="5" t="s">
        <v>7</v>
      </c>
      <c r="I91" s="5" t="s">
        <v>8</v>
      </c>
      <c r="J91" s="5" t="s">
        <v>9</v>
      </c>
      <c r="K91" s="5" t="s">
        <v>10</v>
      </c>
      <c r="L91" s="5" t="s">
        <v>11</v>
      </c>
      <c r="M91" s="5" t="s">
        <v>12</v>
      </c>
      <c r="N91" s="5" t="s">
        <v>13</v>
      </c>
      <c r="O91" s="5" t="s">
        <v>14</v>
      </c>
      <c r="P91" s="5" t="s">
        <v>15</v>
      </c>
      <c r="Q91" s="5" t="s">
        <v>16</v>
      </c>
      <c r="R91" s="5" t="s">
        <v>17</v>
      </c>
      <c r="S91" s="5" t="s">
        <v>18</v>
      </c>
      <c r="T91" s="5" t="s">
        <v>19</v>
      </c>
      <c r="U91" s="5" t="s">
        <v>20</v>
      </c>
      <c r="V91" s="5" t="s">
        <v>21</v>
      </c>
      <c r="W91" s="5" t="s">
        <v>22</v>
      </c>
    </row>
    <row r="92" spans="1:23" s="9" customFormat="1">
      <c r="A92" s="6" t="s">
        <v>23</v>
      </c>
      <c r="B92" s="7">
        <v>1</v>
      </c>
      <c r="C92" s="8"/>
      <c r="D92" s="8"/>
      <c r="E92" s="8"/>
      <c r="F92" s="8"/>
      <c r="G92" s="8"/>
      <c r="H92" s="8"/>
      <c r="I92" s="8"/>
      <c r="J92" s="8"/>
      <c r="K92" s="8"/>
      <c r="L92" s="8"/>
      <c r="M92" s="8"/>
      <c r="N92" s="8"/>
      <c r="O92" s="8"/>
      <c r="P92" s="8"/>
      <c r="Q92" s="8"/>
      <c r="R92" s="8"/>
      <c r="S92" s="8"/>
      <c r="T92" s="8"/>
      <c r="U92" s="8"/>
      <c r="V92" s="8"/>
      <c r="W92" s="8"/>
    </row>
    <row r="93" spans="1:23" s="9" customFormat="1">
      <c r="A93" s="9" t="s">
        <v>24</v>
      </c>
      <c r="B93" s="10">
        <v>0.77500000000000002</v>
      </c>
      <c r="C93" s="8"/>
      <c r="D93" s="8">
        <v>0</v>
      </c>
      <c r="E93" s="8">
        <v>0</v>
      </c>
      <c r="F93" s="8">
        <v>0</v>
      </c>
      <c r="G93" s="8">
        <v>0</v>
      </c>
      <c r="H93" s="8">
        <v>0</v>
      </c>
      <c r="I93" s="8">
        <v>0</v>
      </c>
      <c r="J93" s="8">
        <v>0</v>
      </c>
      <c r="K93" s="8">
        <v>0</v>
      </c>
      <c r="L93" s="8">
        <v>0</v>
      </c>
      <c r="M93" s="8">
        <v>0</v>
      </c>
      <c r="N93" s="8">
        <v>0</v>
      </c>
      <c r="O93" s="8">
        <v>0</v>
      </c>
      <c r="P93" s="8">
        <v>0</v>
      </c>
      <c r="Q93" s="8">
        <v>0</v>
      </c>
      <c r="R93" s="8">
        <v>0</v>
      </c>
      <c r="S93" s="8">
        <v>0</v>
      </c>
      <c r="T93" s="8">
        <v>0</v>
      </c>
      <c r="U93" s="8">
        <v>0</v>
      </c>
      <c r="V93" s="8">
        <v>0</v>
      </c>
      <c r="W93" s="8">
        <v>1</v>
      </c>
    </row>
    <row r="94" spans="1:23" s="9" customFormat="1">
      <c r="A94" s="9" t="s">
        <v>25</v>
      </c>
      <c r="B94" s="10">
        <v>0.58209999999999995</v>
      </c>
      <c r="C94" s="8"/>
      <c r="D94" s="8">
        <v>0</v>
      </c>
      <c r="E94" s="8">
        <v>0</v>
      </c>
      <c r="F94" s="8">
        <v>0</v>
      </c>
      <c r="G94" s="8">
        <v>0</v>
      </c>
      <c r="H94" s="8">
        <v>0</v>
      </c>
      <c r="I94" s="8">
        <v>0</v>
      </c>
      <c r="J94" s="8">
        <v>0</v>
      </c>
      <c r="K94" s="8">
        <v>0</v>
      </c>
      <c r="L94" s="8">
        <v>0</v>
      </c>
      <c r="M94" s="8">
        <v>0</v>
      </c>
      <c r="N94" s="8">
        <v>0</v>
      </c>
      <c r="O94" s="8">
        <v>0</v>
      </c>
      <c r="P94" s="8">
        <v>0</v>
      </c>
      <c r="Q94" s="8">
        <v>0</v>
      </c>
      <c r="R94" s="8">
        <v>0</v>
      </c>
      <c r="S94" s="8">
        <v>0</v>
      </c>
      <c r="T94" s="8">
        <v>0</v>
      </c>
      <c r="U94" s="8">
        <v>0</v>
      </c>
      <c r="V94" s="8">
        <v>0</v>
      </c>
      <c r="W94" s="8">
        <v>1</v>
      </c>
    </row>
    <row r="95" spans="1:23" s="9" customFormat="1">
      <c r="A95" s="11" t="s">
        <v>26</v>
      </c>
      <c r="B95" s="10">
        <v>0.4214</v>
      </c>
      <c r="C95" s="8"/>
      <c r="D95" s="8">
        <v>0</v>
      </c>
      <c r="E95" s="8">
        <v>0</v>
      </c>
      <c r="F95" s="8">
        <v>0</v>
      </c>
      <c r="G95" s="8">
        <v>0</v>
      </c>
      <c r="H95" s="8">
        <v>0</v>
      </c>
      <c r="I95" s="8">
        <v>0</v>
      </c>
      <c r="J95" s="8">
        <v>0</v>
      </c>
      <c r="K95" s="8">
        <v>0</v>
      </c>
      <c r="L95" s="8">
        <v>0</v>
      </c>
      <c r="M95" s="8">
        <v>0</v>
      </c>
      <c r="N95" s="8">
        <v>0</v>
      </c>
      <c r="O95" s="8">
        <v>0</v>
      </c>
      <c r="P95" s="8">
        <v>0</v>
      </c>
      <c r="Q95" s="8">
        <v>0</v>
      </c>
      <c r="R95" s="8">
        <v>0</v>
      </c>
      <c r="S95" s="8">
        <v>0</v>
      </c>
      <c r="T95" s="8">
        <v>0</v>
      </c>
      <c r="U95" s="8">
        <v>0</v>
      </c>
      <c r="V95" s="8">
        <v>0</v>
      </c>
      <c r="W95" s="8">
        <v>1</v>
      </c>
    </row>
    <row r="96" spans="1:23" s="9" customFormat="1">
      <c r="A96" s="9" t="s">
        <v>27</v>
      </c>
      <c r="B96" s="10">
        <v>0.2928</v>
      </c>
      <c r="C96" s="8"/>
      <c r="D96" s="8">
        <v>0</v>
      </c>
      <c r="E96" s="8">
        <v>0</v>
      </c>
      <c r="F96" s="8">
        <v>0</v>
      </c>
      <c r="G96" s="8">
        <v>0</v>
      </c>
      <c r="H96" s="8">
        <v>0</v>
      </c>
      <c r="I96" s="8">
        <v>0</v>
      </c>
      <c r="J96" s="8">
        <v>0</v>
      </c>
      <c r="K96" s="8">
        <v>0</v>
      </c>
      <c r="L96" s="8">
        <v>0</v>
      </c>
      <c r="M96" s="8">
        <v>0</v>
      </c>
      <c r="N96" s="8">
        <v>0</v>
      </c>
      <c r="O96" s="8">
        <v>0</v>
      </c>
      <c r="P96" s="8">
        <v>0</v>
      </c>
      <c r="Q96" s="8">
        <v>0</v>
      </c>
      <c r="R96" s="8">
        <v>0</v>
      </c>
      <c r="S96" s="8">
        <v>0</v>
      </c>
      <c r="T96" s="8">
        <v>0</v>
      </c>
      <c r="U96" s="8">
        <v>0</v>
      </c>
      <c r="V96" s="8">
        <v>0</v>
      </c>
      <c r="W96" s="8">
        <v>1</v>
      </c>
    </row>
    <row r="97" spans="1:23" s="9" customFormat="1">
      <c r="A97" s="9" t="s">
        <v>28</v>
      </c>
      <c r="B97" s="10">
        <v>0.19639999999999999</v>
      </c>
      <c r="C97" s="8"/>
      <c r="D97" s="8">
        <v>0</v>
      </c>
      <c r="E97" s="8">
        <v>0</v>
      </c>
      <c r="F97" s="8">
        <v>0</v>
      </c>
      <c r="G97" s="8">
        <v>0</v>
      </c>
      <c r="H97" s="8">
        <v>0</v>
      </c>
      <c r="I97" s="8">
        <v>0</v>
      </c>
      <c r="J97" s="8">
        <v>0</v>
      </c>
      <c r="K97" s="8">
        <v>0</v>
      </c>
      <c r="L97" s="8">
        <v>0</v>
      </c>
      <c r="M97" s="8">
        <v>0</v>
      </c>
      <c r="N97" s="8">
        <v>0</v>
      </c>
      <c r="O97" s="8">
        <v>0</v>
      </c>
      <c r="P97" s="8">
        <v>0</v>
      </c>
      <c r="Q97" s="8">
        <v>0</v>
      </c>
      <c r="R97" s="8">
        <v>0</v>
      </c>
      <c r="S97" s="8">
        <v>0</v>
      </c>
      <c r="T97" s="8">
        <v>0</v>
      </c>
      <c r="U97" s="8">
        <v>0</v>
      </c>
      <c r="V97" s="8">
        <v>0</v>
      </c>
      <c r="W97" s="8">
        <v>1</v>
      </c>
    </row>
    <row r="98" spans="1:23" s="9" customFormat="1">
      <c r="A98" s="9" t="s">
        <v>29</v>
      </c>
      <c r="B98" s="10">
        <v>0.1321</v>
      </c>
      <c r="C98" s="8"/>
      <c r="D98" s="8">
        <v>0</v>
      </c>
      <c r="E98" s="8">
        <v>0</v>
      </c>
      <c r="F98" s="8">
        <v>0</v>
      </c>
      <c r="G98" s="8">
        <v>0</v>
      </c>
      <c r="H98" s="8">
        <v>0</v>
      </c>
      <c r="I98" s="8">
        <v>0</v>
      </c>
      <c r="J98" s="8">
        <v>0</v>
      </c>
      <c r="K98" s="8">
        <v>0</v>
      </c>
      <c r="L98" s="8">
        <v>0</v>
      </c>
      <c r="M98" s="8">
        <v>0</v>
      </c>
      <c r="N98" s="8">
        <v>0</v>
      </c>
      <c r="O98" s="8">
        <v>0</v>
      </c>
      <c r="P98" s="8">
        <v>0</v>
      </c>
      <c r="Q98" s="8">
        <v>0</v>
      </c>
      <c r="R98" s="8">
        <v>0</v>
      </c>
      <c r="S98" s="8">
        <v>0</v>
      </c>
      <c r="T98" s="8">
        <v>0</v>
      </c>
      <c r="U98" s="8">
        <v>0</v>
      </c>
      <c r="V98" s="8">
        <v>0</v>
      </c>
      <c r="W98" s="8">
        <v>1</v>
      </c>
    </row>
    <row r="99" spans="1:23" s="9" customFormat="1">
      <c r="A99" s="9" t="s">
        <v>30</v>
      </c>
      <c r="B99" s="10">
        <v>0.1</v>
      </c>
      <c r="C99" s="8"/>
      <c r="D99" s="8">
        <v>1</v>
      </c>
      <c r="E99" s="8">
        <v>1</v>
      </c>
      <c r="F99" s="8">
        <v>1</v>
      </c>
      <c r="G99" s="8">
        <v>1</v>
      </c>
      <c r="H99" s="8">
        <v>1</v>
      </c>
      <c r="I99" s="8">
        <v>1</v>
      </c>
      <c r="J99" s="8">
        <v>1</v>
      </c>
      <c r="K99" s="8">
        <v>1</v>
      </c>
      <c r="L99" s="8">
        <v>1</v>
      </c>
      <c r="M99" s="8">
        <v>1</v>
      </c>
      <c r="N99" s="8">
        <v>1</v>
      </c>
      <c r="O99" s="8">
        <v>1</v>
      </c>
      <c r="P99" s="8">
        <v>1</v>
      </c>
      <c r="Q99" s="8">
        <v>1</v>
      </c>
      <c r="R99" s="8">
        <v>1</v>
      </c>
      <c r="S99" s="8">
        <v>1</v>
      </c>
      <c r="T99" s="8">
        <v>1</v>
      </c>
      <c r="U99" s="8">
        <v>1</v>
      </c>
      <c r="V99" s="8">
        <v>1</v>
      </c>
      <c r="W99" s="8">
        <v>2</v>
      </c>
    </row>
    <row r="100" spans="1:23" s="9" customFormat="1">
      <c r="A100" s="9" t="s">
        <v>31</v>
      </c>
      <c r="B100" s="10">
        <v>0.1</v>
      </c>
      <c r="C100" s="8"/>
      <c r="D100" s="8">
        <v>0</v>
      </c>
      <c r="E100" s="8">
        <v>0</v>
      </c>
      <c r="F100" s="8">
        <v>0</v>
      </c>
      <c r="G100" s="8">
        <v>0</v>
      </c>
      <c r="H100" s="8">
        <v>0</v>
      </c>
      <c r="I100" s="8">
        <v>0</v>
      </c>
      <c r="J100" s="8">
        <v>0</v>
      </c>
      <c r="K100" s="8">
        <v>0</v>
      </c>
      <c r="L100" s="8">
        <v>0</v>
      </c>
      <c r="M100" s="8">
        <v>0</v>
      </c>
      <c r="N100" s="8">
        <v>0</v>
      </c>
      <c r="O100" s="8">
        <v>0</v>
      </c>
      <c r="P100" s="8">
        <v>0</v>
      </c>
      <c r="Q100" s="8">
        <v>0</v>
      </c>
      <c r="R100" s="8">
        <v>0</v>
      </c>
      <c r="S100" s="8">
        <v>0</v>
      </c>
      <c r="T100" s="8">
        <v>0</v>
      </c>
      <c r="U100" s="8">
        <v>0</v>
      </c>
      <c r="V100" s="8">
        <v>0</v>
      </c>
      <c r="W100" s="8">
        <v>0</v>
      </c>
    </row>
    <row r="101" spans="1:23" s="9" customFormat="1">
      <c r="A101" s="9" t="s">
        <v>32</v>
      </c>
      <c r="B101" s="10">
        <v>0.1</v>
      </c>
      <c r="C101" s="8"/>
      <c r="D101" s="8">
        <v>0</v>
      </c>
      <c r="E101" s="8">
        <v>0</v>
      </c>
      <c r="F101" s="8">
        <v>0</v>
      </c>
      <c r="G101" s="8">
        <v>0</v>
      </c>
      <c r="H101" s="8">
        <v>0</v>
      </c>
      <c r="I101" s="8">
        <v>0</v>
      </c>
      <c r="J101" s="8">
        <v>0</v>
      </c>
      <c r="K101" s="8">
        <v>0</v>
      </c>
      <c r="L101" s="8">
        <v>0</v>
      </c>
      <c r="M101" s="8">
        <v>0</v>
      </c>
      <c r="N101" s="8">
        <v>0</v>
      </c>
      <c r="O101" s="8">
        <v>0</v>
      </c>
      <c r="P101" s="8">
        <v>0</v>
      </c>
      <c r="Q101" s="8">
        <v>0</v>
      </c>
      <c r="R101" s="8">
        <v>0</v>
      </c>
      <c r="S101" s="8">
        <v>0</v>
      </c>
      <c r="T101" s="8">
        <v>0</v>
      </c>
      <c r="U101" s="8">
        <v>0</v>
      </c>
      <c r="V101" s="8">
        <v>0</v>
      </c>
      <c r="W101" s="8">
        <v>0</v>
      </c>
    </row>
    <row r="102" spans="1:23" s="9" customFormat="1">
      <c r="A102" s="12" t="s">
        <v>33</v>
      </c>
      <c r="B102" s="12"/>
      <c r="C102" s="13"/>
      <c r="D102" s="13">
        <v>0</v>
      </c>
      <c r="E102" s="13">
        <v>0</v>
      </c>
      <c r="F102" s="13">
        <v>0</v>
      </c>
      <c r="G102" s="13">
        <v>0</v>
      </c>
      <c r="H102" s="13">
        <v>0</v>
      </c>
      <c r="I102" s="13">
        <v>0</v>
      </c>
      <c r="J102" s="13">
        <v>0</v>
      </c>
      <c r="K102" s="13">
        <v>0</v>
      </c>
      <c r="L102" s="13">
        <v>0</v>
      </c>
      <c r="M102" s="13">
        <v>0</v>
      </c>
      <c r="N102" s="13">
        <v>0</v>
      </c>
      <c r="O102" s="13">
        <v>0</v>
      </c>
      <c r="P102" s="13">
        <v>0</v>
      </c>
      <c r="Q102" s="13">
        <v>0</v>
      </c>
      <c r="R102" s="13">
        <v>0</v>
      </c>
      <c r="S102" s="13">
        <v>0</v>
      </c>
      <c r="T102" s="13">
        <v>0</v>
      </c>
      <c r="U102" s="13">
        <v>0</v>
      </c>
      <c r="V102" s="13">
        <v>0</v>
      </c>
      <c r="W102" s="13">
        <v>0</v>
      </c>
    </row>
    <row r="103" spans="1:23" s="9" customFormat="1">
      <c r="A103" s="14" t="s">
        <v>34</v>
      </c>
      <c r="B103" s="14"/>
      <c r="C103" s="15"/>
      <c r="D103" s="15">
        <v>1</v>
      </c>
      <c r="E103" s="15">
        <v>1</v>
      </c>
      <c r="F103" s="15">
        <v>1</v>
      </c>
      <c r="G103" s="15">
        <v>1</v>
      </c>
      <c r="H103" s="15">
        <v>1</v>
      </c>
      <c r="I103" s="15">
        <v>1</v>
      </c>
      <c r="J103" s="15">
        <v>1</v>
      </c>
      <c r="K103" s="15">
        <v>1</v>
      </c>
      <c r="L103" s="15">
        <v>1</v>
      </c>
      <c r="M103" s="15">
        <v>1</v>
      </c>
      <c r="N103" s="15">
        <v>1</v>
      </c>
      <c r="O103" s="15">
        <v>1</v>
      </c>
      <c r="P103" s="15">
        <v>1</v>
      </c>
      <c r="Q103" s="15">
        <v>1</v>
      </c>
      <c r="R103" s="15">
        <v>1</v>
      </c>
      <c r="S103" s="15">
        <v>1</v>
      </c>
      <c r="T103" s="15">
        <v>1</v>
      </c>
      <c r="U103" s="15">
        <v>1</v>
      </c>
      <c r="V103" s="15">
        <v>1</v>
      </c>
      <c r="W103" s="15">
        <v>8</v>
      </c>
    </row>
    <row r="105" spans="1:23" ht="18">
      <c r="A105" s="165" t="s">
        <v>144</v>
      </c>
    </row>
    <row r="106" spans="1:23" ht="15.75">
      <c r="A106" s="161" t="s">
        <v>143</v>
      </c>
      <c r="B106" s="1"/>
      <c r="C106" s="170">
        <v>0.05</v>
      </c>
    </row>
    <row r="107" spans="1:23">
      <c r="A107" s="4" t="s">
        <v>0</v>
      </c>
      <c r="B107" s="5"/>
      <c r="C107" s="5" t="s">
        <v>2</v>
      </c>
      <c r="D107" s="5" t="s">
        <v>3</v>
      </c>
      <c r="E107" s="5" t="s">
        <v>4</v>
      </c>
      <c r="F107" s="5" t="s">
        <v>5</v>
      </c>
      <c r="G107" s="5" t="s">
        <v>6</v>
      </c>
      <c r="H107" s="5" t="s">
        <v>7</v>
      </c>
      <c r="I107" s="5" t="s">
        <v>8</v>
      </c>
      <c r="J107" s="5" t="s">
        <v>9</v>
      </c>
      <c r="K107" s="5" t="s">
        <v>10</v>
      </c>
      <c r="L107" s="5" t="s">
        <v>11</v>
      </c>
      <c r="M107" s="5" t="s">
        <v>12</v>
      </c>
      <c r="N107" s="5" t="s">
        <v>13</v>
      </c>
      <c r="O107" s="5" t="s">
        <v>14</v>
      </c>
      <c r="P107" s="5" t="s">
        <v>15</v>
      </c>
      <c r="Q107" s="5" t="s">
        <v>16</v>
      </c>
      <c r="R107" s="5" t="s">
        <v>17</v>
      </c>
      <c r="S107" s="5" t="s">
        <v>18</v>
      </c>
      <c r="T107" s="5" t="s">
        <v>19</v>
      </c>
      <c r="U107" s="5" t="s">
        <v>20</v>
      </c>
      <c r="V107" s="5" t="s">
        <v>21</v>
      </c>
      <c r="W107" s="5" t="s">
        <v>22</v>
      </c>
    </row>
    <row r="108" spans="1:23" s="9" customFormat="1">
      <c r="A108" s="6" t="s">
        <v>23</v>
      </c>
      <c r="B108" s="7">
        <v>1</v>
      </c>
      <c r="C108" s="8"/>
      <c r="D108" s="8"/>
      <c r="E108" s="8"/>
      <c r="F108" s="8"/>
      <c r="G108" s="8"/>
      <c r="H108" s="8"/>
      <c r="I108" s="8"/>
      <c r="J108" s="8"/>
      <c r="K108" s="8"/>
      <c r="L108" s="8"/>
      <c r="M108" s="8"/>
      <c r="N108" s="8"/>
      <c r="O108" s="8"/>
      <c r="P108" s="8"/>
      <c r="Q108" s="8"/>
      <c r="R108" s="8"/>
      <c r="S108" s="8"/>
      <c r="T108" s="8"/>
      <c r="U108" s="8"/>
      <c r="V108" s="8"/>
      <c r="W108" s="8"/>
    </row>
    <row r="109" spans="1:23" s="9" customFormat="1">
      <c r="A109" s="9" t="s">
        <v>24</v>
      </c>
      <c r="B109" s="10">
        <v>0.82730000000000004</v>
      </c>
      <c r="C109" s="8"/>
      <c r="D109" s="8">
        <v>0</v>
      </c>
      <c r="E109" s="8">
        <v>0</v>
      </c>
      <c r="F109" s="8">
        <v>0</v>
      </c>
      <c r="G109" s="8">
        <v>0</v>
      </c>
      <c r="H109" s="8">
        <v>0</v>
      </c>
      <c r="I109" s="8">
        <v>0</v>
      </c>
      <c r="J109" s="8">
        <v>0</v>
      </c>
      <c r="K109" s="8">
        <v>0</v>
      </c>
      <c r="L109" s="8">
        <v>0</v>
      </c>
      <c r="M109" s="8">
        <v>0</v>
      </c>
      <c r="N109" s="8">
        <v>0</v>
      </c>
      <c r="O109" s="8">
        <v>0</v>
      </c>
      <c r="P109" s="8">
        <v>0</v>
      </c>
      <c r="Q109" s="8">
        <v>0</v>
      </c>
      <c r="R109" s="8">
        <v>0</v>
      </c>
      <c r="S109" s="8">
        <v>0</v>
      </c>
      <c r="T109" s="8">
        <v>0</v>
      </c>
      <c r="U109" s="8">
        <v>0</v>
      </c>
      <c r="V109" s="8">
        <v>0</v>
      </c>
      <c r="W109" s="8">
        <v>1</v>
      </c>
    </row>
    <row r="110" spans="1:23" s="9" customFormat="1">
      <c r="A110" s="9" t="s">
        <v>25</v>
      </c>
      <c r="B110" s="10">
        <v>0.67179999999999995</v>
      </c>
      <c r="C110" s="8"/>
      <c r="D110" s="8">
        <v>0</v>
      </c>
      <c r="E110" s="8">
        <v>0</v>
      </c>
      <c r="F110" s="8">
        <v>0</v>
      </c>
      <c r="G110" s="8">
        <v>0</v>
      </c>
      <c r="H110" s="8">
        <v>0</v>
      </c>
      <c r="I110" s="8">
        <v>0</v>
      </c>
      <c r="J110" s="8">
        <v>0</v>
      </c>
      <c r="K110" s="8">
        <v>0</v>
      </c>
      <c r="L110" s="8">
        <v>0</v>
      </c>
      <c r="M110" s="8">
        <v>0</v>
      </c>
      <c r="N110" s="8">
        <v>0</v>
      </c>
      <c r="O110" s="8">
        <v>0</v>
      </c>
      <c r="P110" s="8">
        <v>0</v>
      </c>
      <c r="Q110" s="8">
        <v>0</v>
      </c>
      <c r="R110" s="8">
        <v>0</v>
      </c>
      <c r="S110" s="8">
        <v>0</v>
      </c>
      <c r="T110" s="8">
        <v>0</v>
      </c>
      <c r="U110" s="8">
        <v>0</v>
      </c>
      <c r="V110" s="8">
        <v>0</v>
      </c>
      <c r="W110" s="8">
        <v>1</v>
      </c>
    </row>
    <row r="111" spans="1:23" s="9" customFormat="1">
      <c r="A111" s="11" t="s">
        <v>26</v>
      </c>
      <c r="B111" s="10">
        <v>0.53359999999999996</v>
      </c>
      <c r="C111" s="8"/>
      <c r="D111" s="8">
        <v>0</v>
      </c>
      <c r="E111" s="8">
        <v>0</v>
      </c>
      <c r="F111" s="8">
        <v>0</v>
      </c>
      <c r="G111" s="8">
        <v>0</v>
      </c>
      <c r="H111" s="8">
        <v>0</v>
      </c>
      <c r="I111" s="8">
        <v>0</v>
      </c>
      <c r="J111" s="8">
        <v>0</v>
      </c>
      <c r="K111" s="8">
        <v>0</v>
      </c>
      <c r="L111" s="8">
        <v>0</v>
      </c>
      <c r="M111" s="8">
        <v>0</v>
      </c>
      <c r="N111" s="8">
        <v>0</v>
      </c>
      <c r="O111" s="8">
        <v>0</v>
      </c>
      <c r="P111" s="8">
        <v>0</v>
      </c>
      <c r="Q111" s="8">
        <v>0</v>
      </c>
      <c r="R111" s="8">
        <v>0</v>
      </c>
      <c r="S111" s="8">
        <v>0</v>
      </c>
      <c r="T111" s="8">
        <v>0</v>
      </c>
      <c r="U111" s="8">
        <v>0</v>
      </c>
      <c r="V111" s="8">
        <v>0</v>
      </c>
      <c r="W111" s="8">
        <v>1</v>
      </c>
    </row>
    <row r="112" spans="1:23" s="9" customFormat="1">
      <c r="A112" s="9" t="s">
        <v>27</v>
      </c>
      <c r="B112" s="10">
        <v>0.41270000000000001</v>
      </c>
      <c r="C112" s="8"/>
      <c r="D112" s="8">
        <v>0</v>
      </c>
      <c r="E112" s="8">
        <v>0</v>
      </c>
      <c r="F112" s="8">
        <v>0</v>
      </c>
      <c r="G112" s="8">
        <v>0</v>
      </c>
      <c r="H112" s="8">
        <v>0</v>
      </c>
      <c r="I112" s="8">
        <v>0</v>
      </c>
      <c r="J112" s="8">
        <v>0</v>
      </c>
      <c r="K112" s="8">
        <v>0</v>
      </c>
      <c r="L112" s="8">
        <v>0</v>
      </c>
      <c r="M112" s="8">
        <v>0</v>
      </c>
      <c r="N112" s="8">
        <v>0</v>
      </c>
      <c r="O112" s="8">
        <v>0</v>
      </c>
      <c r="P112" s="8">
        <v>0</v>
      </c>
      <c r="Q112" s="8">
        <v>0</v>
      </c>
      <c r="R112" s="8">
        <v>0</v>
      </c>
      <c r="S112" s="8">
        <v>0</v>
      </c>
      <c r="T112" s="8">
        <v>0</v>
      </c>
      <c r="U112" s="8">
        <v>0</v>
      </c>
      <c r="V112" s="8">
        <v>0</v>
      </c>
      <c r="W112" s="8">
        <v>1</v>
      </c>
    </row>
    <row r="113" spans="1:23" s="9" customFormat="1">
      <c r="A113" s="9" t="s">
        <v>28</v>
      </c>
      <c r="B113" s="10">
        <v>0.30909999999999999</v>
      </c>
      <c r="C113" s="8"/>
      <c r="D113" s="8">
        <v>0</v>
      </c>
      <c r="E113" s="8">
        <v>0</v>
      </c>
      <c r="F113" s="8">
        <v>0</v>
      </c>
      <c r="G113" s="8">
        <v>0</v>
      </c>
      <c r="H113" s="8">
        <v>0</v>
      </c>
      <c r="I113" s="8">
        <v>0</v>
      </c>
      <c r="J113" s="8">
        <v>0</v>
      </c>
      <c r="K113" s="8">
        <v>0</v>
      </c>
      <c r="L113" s="8">
        <v>0</v>
      </c>
      <c r="M113" s="8">
        <v>0</v>
      </c>
      <c r="N113" s="8">
        <v>0</v>
      </c>
      <c r="O113" s="8">
        <v>0</v>
      </c>
      <c r="P113" s="8">
        <v>0</v>
      </c>
      <c r="Q113" s="8">
        <v>0</v>
      </c>
      <c r="R113" s="8">
        <v>0</v>
      </c>
      <c r="S113" s="8">
        <v>0</v>
      </c>
      <c r="T113" s="8">
        <v>0</v>
      </c>
      <c r="U113" s="8">
        <v>0</v>
      </c>
      <c r="V113" s="8">
        <v>0</v>
      </c>
      <c r="W113" s="8">
        <v>1</v>
      </c>
    </row>
    <row r="114" spans="1:23" s="9" customFormat="1">
      <c r="A114" s="9" t="s">
        <v>29</v>
      </c>
      <c r="B114" s="10">
        <v>0.22270000000000001</v>
      </c>
      <c r="C114" s="8"/>
      <c r="D114" s="8">
        <v>0</v>
      </c>
      <c r="E114" s="8">
        <v>0</v>
      </c>
      <c r="F114" s="8">
        <v>0</v>
      </c>
      <c r="G114" s="8">
        <v>0</v>
      </c>
      <c r="H114" s="8">
        <v>0</v>
      </c>
      <c r="I114" s="8">
        <v>0</v>
      </c>
      <c r="J114" s="8">
        <v>0</v>
      </c>
      <c r="K114" s="8">
        <v>0</v>
      </c>
      <c r="L114" s="8">
        <v>0</v>
      </c>
      <c r="M114" s="8">
        <v>0</v>
      </c>
      <c r="N114" s="8">
        <v>0</v>
      </c>
      <c r="O114" s="8">
        <v>0</v>
      </c>
      <c r="P114" s="8">
        <v>0</v>
      </c>
      <c r="Q114" s="8">
        <v>0</v>
      </c>
      <c r="R114" s="8">
        <v>0</v>
      </c>
      <c r="S114" s="8">
        <v>0</v>
      </c>
      <c r="T114" s="8">
        <v>0</v>
      </c>
      <c r="U114" s="8">
        <v>0</v>
      </c>
      <c r="V114" s="8">
        <v>0</v>
      </c>
      <c r="W114" s="8">
        <v>1</v>
      </c>
    </row>
    <row r="115" spans="1:23" s="9" customFormat="1">
      <c r="A115" s="9" t="s">
        <v>30</v>
      </c>
      <c r="B115" s="10">
        <v>0.15359999999999999</v>
      </c>
      <c r="C115" s="8"/>
      <c r="D115" s="8">
        <v>0</v>
      </c>
      <c r="E115" s="8">
        <v>0</v>
      </c>
      <c r="F115" s="8">
        <v>0</v>
      </c>
      <c r="G115" s="8">
        <v>0</v>
      </c>
      <c r="H115" s="8">
        <v>0</v>
      </c>
      <c r="I115" s="8">
        <v>0</v>
      </c>
      <c r="J115" s="8">
        <v>0</v>
      </c>
      <c r="K115" s="8">
        <v>0</v>
      </c>
      <c r="L115" s="8">
        <v>0</v>
      </c>
      <c r="M115" s="8">
        <v>0</v>
      </c>
      <c r="N115" s="8">
        <v>0</v>
      </c>
      <c r="O115" s="8">
        <v>0</v>
      </c>
      <c r="P115" s="8">
        <v>0</v>
      </c>
      <c r="Q115" s="8">
        <v>0</v>
      </c>
      <c r="R115" s="8">
        <v>0</v>
      </c>
      <c r="S115" s="8">
        <v>0</v>
      </c>
      <c r="T115" s="8">
        <v>0</v>
      </c>
      <c r="U115" s="8">
        <v>0</v>
      </c>
      <c r="V115" s="8">
        <v>0</v>
      </c>
      <c r="W115" s="8">
        <v>1</v>
      </c>
    </row>
    <row r="116" spans="1:23" s="9" customFormat="1">
      <c r="A116" s="9" t="s">
        <v>31</v>
      </c>
      <c r="B116" s="10">
        <v>0.1018</v>
      </c>
      <c r="C116" s="8"/>
      <c r="D116" s="8">
        <v>0</v>
      </c>
      <c r="E116" s="8">
        <v>0</v>
      </c>
      <c r="F116" s="8">
        <v>0</v>
      </c>
      <c r="G116" s="8">
        <v>0</v>
      </c>
      <c r="H116" s="8">
        <v>0</v>
      </c>
      <c r="I116" s="8">
        <v>0</v>
      </c>
      <c r="J116" s="8">
        <v>0</v>
      </c>
      <c r="K116" s="8">
        <v>0</v>
      </c>
      <c r="L116" s="8">
        <v>0</v>
      </c>
      <c r="M116" s="8">
        <v>0</v>
      </c>
      <c r="N116" s="8">
        <v>0</v>
      </c>
      <c r="O116" s="8">
        <v>0</v>
      </c>
      <c r="P116" s="8">
        <v>0</v>
      </c>
      <c r="Q116" s="8">
        <v>0</v>
      </c>
      <c r="R116" s="8">
        <v>0</v>
      </c>
      <c r="S116" s="8">
        <v>0</v>
      </c>
      <c r="T116" s="8">
        <v>0</v>
      </c>
      <c r="U116" s="8">
        <v>0</v>
      </c>
      <c r="V116" s="8">
        <v>0</v>
      </c>
      <c r="W116" s="8">
        <v>1</v>
      </c>
    </row>
    <row r="117" spans="1:23" s="9" customFormat="1">
      <c r="A117" s="9" t="s">
        <v>32</v>
      </c>
      <c r="B117" s="10">
        <v>6.7299999999999999E-2</v>
      </c>
      <c r="C117" s="8"/>
      <c r="D117" s="8">
        <v>0</v>
      </c>
      <c r="E117" s="8">
        <v>0</v>
      </c>
      <c r="F117" s="8">
        <v>0</v>
      </c>
      <c r="G117" s="8">
        <v>0</v>
      </c>
      <c r="H117" s="8">
        <v>0</v>
      </c>
      <c r="I117" s="8">
        <v>0</v>
      </c>
      <c r="J117" s="8">
        <v>0</v>
      </c>
      <c r="K117" s="8">
        <v>0</v>
      </c>
      <c r="L117" s="8">
        <v>0</v>
      </c>
      <c r="M117" s="8">
        <v>0</v>
      </c>
      <c r="N117" s="8">
        <v>0</v>
      </c>
      <c r="O117" s="8">
        <v>0</v>
      </c>
      <c r="P117" s="8">
        <v>0</v>
      </c>
      <c r="Q117" s="8">
        <v>0</v>
      </c>
      <c r="R117" s="8">
        <v>0</v>
      </c>
      <c r="S117" s="8">
        <v>0</v>
      </c>
      <c r="T117" s="8">
        <v>0</v>
      </c>
      <c r="U117" s="8">
        <v>0</v>
      </c>
      <c r="V117" s="8">
        <v>0</v>
      </c>
      <c r="W117" s="8">
        <v>1</v>
      </c>
    </row>
    <row r="118" spans="1:23" s="9" customFormat="1">
      <c r="A118" s="12" t="s">
        <v>33</v>
      </c>
      <c r="B118" s="16">
        <v>0.05</v>
      </c>
      <c r="C118" s="13"/>
      <c r="D118" s="13">
        <v>1</v>
      </c>
      <c r="E118" s="13">
        <v>1</v>
      </c>
      <c r="F118" s="13">
        <v>1</v>
      </c>
      <c r="G118" s="13">
        <v>1</v>
      </c>
      <c r="H118" s="13">
        <v>1</v>
      </c>
      <c r="I118" s="13">
        <v>1</v>
      </c>
      <c r="J118" s="13">
        <v>1</v>
      </c>
      <c r="K118" s="13">
        <v>1</v>
      </c>
      <c r="L118" s="13">
        <v>1</v>
      </c>
      <c r="M118" s="13">
        <v>1</v>
      </c>
      <c r="N118" s="13">
        <v>1</v>
      </c>
      <c r="O118" s="13">
        <v>1</v>
      </c>
      <c r="P118" s="13">
        <v>1</v>
      </c>
      <c r="Q118" s="13">
        <v>1</v>
      </c>
      <c r="R118" s="13">
        <v>1</v>
      </c>
      <c r="S118" s="13">
        <v>1</v>
      </c>
      <c r="T118" s="13">
        <v>1</v>
      </c>
      <c r="U118" s="13">
        <v>1</v>
      </c>
      <c r="V118" s="13">
        <v>1</v>
      </c>
      <c r="W118" s="13">
        <v>2</v>
      </c>
    </row>
    <row r="119" spans="1:23" s="9" customFormat="1">
      <c r="A119" s="14" t="s">
        <v>34</v>
      </c>
      <c r="B119" s="14"/>
      <c r="C119" s="15">
        <v>0</v>
      </c>
      <c r="D119" s="15">
        <v>1</v>
      </c>
      <c r="E119" s="15">
        <v>1</v>
      </c>
      <c r="F119" s="15">
        <v>1</v>
      </c>
      <c r="G119" s="15">
        <v>1</v>
      </c>
      <c r="H119" s="15">
        <v>1</v>
      </c>
      <c r="I119" s="15">
        <v>1</v>
      </c>
      <c r="J119" s="15">
        <v>1</v>
      </c>
      <c r="K119" s="15">
        <v>1</v>
      </c>
      <c r="L119" s="15">
        <v>1</v>
      </c>
      <c r="M119" s="15">
        <v>1</v>
      </c>
      <c r="N119" s="15">
        <v>1</v>
      </c>
      <c r="O119" s="15">
        <v>1</v>
      </c>
      <c r="P119" s="15">
        <v>1</v>
      </c>
      <c r="Q119" s="15">
        <v>1</v>
      </c>
      <c r="R119" s="15">
        <v>1</v>
      </c>
      <c r="S119" s="15">
        <v>1</v>
      </c>
      <c r="T119" s="15">
        <v>1</v>
      </c>
      <c r="U119" s="15">
        <v>1</v>
      </c>
      <c r="V119" s="15">
        <v>1</v>
      </c>
      <c r="W119" s="15">
        <v>11</v>
      </c>
    </row>
    <row r="120" spans="1:23">
      <c r="B120" s="17"/>
      <c r="C120" s="17"/>
    </row>
    <row r="121" spans="1:23" ht="18">
      <c r="A121" s="165" t="s">
        <v>145</v>
      </c>
    </row>
    <row r="122" spans="1:23" ht="15.75">
      <c r="A122" s="161" t="s">
        <v>143</v>
      </c>
      <c r="B122" s="1"/>
      <c r="C122" s="170">
        <v>0.05</v>
      </c>
    </row>
    <row r="123" spans="1:23">
      <c r="A123" s="4" t="s">
        <v>0</v>
      </c>
      <c r="B123" s="5"/>
      <c r="C123" s="5" t="s">
        <v>2</v>
      </c>
      <c r="D123" s="5" t="s">
        <v>3</v>
      </c>
      <c r="E123" s="5" t="s">
        <v>4</v>
      </c>
      <c r="F123" s="5" t="s">
        <v>5</v>
      </c>
      <c r="G123" s="5" t="s">
        <v>6</v>
      </c>
      <c r="H123" s="5" t="s">
        <v>7</v>
      </c>
      <c r="I123" s="5" t="s">
        <v>8</v>
      </c>
      <c r="J123" s="5" t="s">
        <v>9</v>
      </c>
      <c r="K123" s="5" t="s">
        <v>10</v>
      </c>
      <c r="L123" s="5" t="s">
        <v>11</v>
      </c>
      <c r="M123" s="5" t="s">
        <v>12</v>
      </c>
      <c r="N123" s="5" t="s">
        <v>13</v>
      </c>
      <c r="O123" s="5" t="s">
        <v>14</v>
      </c>
      <c r="P123" s="5" t="s">
        <v>15</v>
      </c>
      <c r="Q123" s="5" t="s">
        <v>16</v>
      </c>
      <c r="R123" s="5" t="s">
        <v>17</v>
      </c>
      <c r="S123" s="5" t="s">
        <v>18</v>
      </c>
      <c r="T123" s="5" t="s">
        <v>19</v>
      </c>
      <c r="U123" s="5" t="s">
        <v>20</v>
      </c>
      <c r="V123" s="5" t="s">
        <v>21</v>
      </c>
      <c r="W123" s="5" t="s">
        <v>22</v>
      </c>
    </row>
    <row r="124" spans="1:23" s="9" customFormat="1">
      <c r="A124" s="6" t="s">
        <v>23</v>
      </c>
      <c r="B124" s="7">
        <v>1</v>
      </c>
      <c r="C124" s="8"/>
      <c r="D124" s="8"/>
      <c r="E124" s="8"/>
      <c r="F124" s="8"/>
      <c r="G124" s="8"/>
      <c r="H124" s="8"/>
      <c r="I124" s="8"/>
      <c r="J124" s="8"/>
      <c r="K124" s="8"/>
      <c r="L124" s="8"/>
      <c r="M124" s="8"/>
      <c r="N124" s="8"/>
      <c r="O124" s="8"/>
      <c r="P124" s="8"/>
      <c r="Q124" s="8"/>
      <c r="R124" s="8"/>
      <c r="S124" s="8"/>
      <c r="T124" s="8"/>
      <c r="U124" s="8"/>
      <c r="V124" s="8"/>
      <c r="W124" s="8"/>
    </row>
    <row r="125" spans="1:23" s="9" customFormat="1">
      <c r="A125" s="9" t="s">
        <v>24</v>
      </c>
      <c r="B125" s="10">
        <v>0.82730000000000004</v>
      </c>
      <c r="C125" s="8"/>
      <c r="D125" s="8">
        <v>0</v>
      </c>
      <c r="E125" s="8">
        <v>0</v>
      </c>
      <c r="F125" s="8">
        <v>0</v>
      </c>
      <c r="G125" s="8">
        <v>0</v>
      </c>
      <c r="H125" s="8">
        <v>0</v>
      </c>
      <c r="I125" s="8">
        <v>0</v>
      </c>
      <c r="J125" s="8">
        <v>0</v>
      </c>
      <c r="K125" s="8">
        <v>0</v>
      </c>
      <c r="L125" s="8">
        <v>0</v>
      </c>
      <c r="M125" s="8">
        <v>0</v>
      </c>
      <c r="N125" s="8">
        <v>0</v>
      </c>
      <c r="O125" s="8">
        <v>0</v>
      </c>
      <c r="P125" s="8">
        <v>0</v>
      </c>
      <c r="Q125" s="8">
        <v>0</v>
      </c>
      <c r="R125" s="8">
        <v>0</v>
      </c>
      <c r="S125" s="8">
        <v>0</v>
      </c>
      <c r="T125" s="8">
        <v>0</v>
      </c>
      <c r="U125" s="8">
        <v>0</v>
      </c>
      <c r="V125" s="8">
        <v>0</v>
      </c>
      <c r="W125" s="8">
        <v>0</v>
      </c>
    </row>
    <row r="126" spans="1:23" s="9" customFormat="1">
      <c r="A126" s="9" t="s">
        <v>25</v>
      </c>
      <c r="B126" s="10">
        <v>0.67179999999999995</v>
      </c>
      <c r="C126" s="8"/>
      <c r="D126" s="8">
        <v>0</v>
      </c>
      <c r="E126" s="8">
        <v>0</v>
      </c>
      <c r="F126" s="8">
        <v>0</v>
      </c>
      <c r="G126" s="8">
        <v>0</v>
      </c>
      <c r="H126" s="8">
        <v>0</v>
      </c>
      <c r="I126" s="8">
        <v>0</v>
      </c>
      <c r="J126" s="8">
        <v>0</v>
      </c>
      <c r="K126" s="8">
        <v>0</v>
      </c>
      <c r="L126" s="8">
        <v>0</v>
      </c>
      <c r="M126" s="8">
        <v>0</v>
      </c>
      <c r="N126" s="8">
        <v>0</v>
      </c>
      <c r="O126" s="8">
        <v>0</v>
      </c>
      <c r="P126" s="8">
        <v>0</v>
      </c>
      <c r="Q126" s="8">
        <v>0</v>
      </c>
      <c r="R126" s="8">
        <v>0</v>
      </c>
      <c r="S126" s="8">
        <v>0</v>
      </c>
      <c r="T126" s="8">
        <v>0</v>
      </c>
      <c r="U126" s="8">
        <v>0</v>
      </c>
      <c r="V126" s="8">
        <v>0</v>
      </c>
      <c r="W126" s="8">
        <v>1</v>
      </c>
    </row>
    <row r="127" spans="1:23" s="9" customFormat="1">
      <c r="A127" s="11" t="s">
        <v>26</v>
      </c>
      <c r="B127" s="10">
        <v>0.53359999999999996</v>
      </c>
      <c r="C127" s="8"/>
      <c r="D127" s="8">
        <v>0</v>
      </c>
      <c r="E127" s="8">
        <v>0</v>
      </c>
      <c r="F127" s="8">
        <v>0</v>
      </c>
      <c r="G127" s="8">
        <v>0</v>
      </c>
      <c r="H127" s="8">
        <v>0</v>
      </c>
      <c r="I127" s="8">
        <v>0</v>
      </c>
      <c r="J127" s="8">
        <v>0</v>
      </c>
      <c r="K127" s="8">
        <v>0</v>
      </c>
      <c r="L127" s="8">
        <v>0</v>
      </c>
      <c r="M127" s="8">
        <v>0</v>
      </c>
      <c r="N127" s="8">
        <v>0</v>
      </c>
      <c r="O127" s="8">
        <v>0</v>
      </c>
      <c r="P127" s="8">
        <v>0</v>
      </c>
      <c r="Q127" s="8">
        <v>0</v>
      </c>
      <c r="R127" s="8">
        <v>0</v>
      </c>
      <c r="S127" s="8">
        <v>0</v>
      </c>
      <c r="T127" s="8">
        <v>0</v>
      </c>
      <c r="U127" s="8">
        <v>0</v>
      </c>
      <c r="V127" s="8">
        <v>0</v>
      </c>
      <c r="W127" s="8">
        <v>1</v>
      </c>
    </row>
    <row r="128" spans="1:23" s="9" customFormat="1">
      <c r="A128" s="9" t="s">
        <v>27</v>
      </c>
      <c r="B128" s="10">
        <v>0.41270000000000001</v>
      </c>
      <c r="C128" s="8"/>
      <c r="D128" s="8">
        <v>0</v>
      </c>
      <c r="E128" s="8">
        <v>0</v>
      </c>
      <c r="F128" s="8">
        <v>0</v>
      </c>
      <c r="G128" s="8">
        <v>0</v>
      </c>
      <c r="H128" s="8">
        <v>0</v>
      </c>
      <c r="I128" s="8">
        <v>0</v>
      </c>
      <c r="J128" s="8">
        <v>0</v>
      </c>
      <c r="K128" s="8">
        <v>0</v>
      </c>
      <c r="L128" s="8">
        <v>0</v>
      </c>
      <c r="M128" s="8">
        <v>0</v>
      </c>
      <c r="N128" s="8">
        <v>0</v>
      </c>
      <c r="O128" s="8">
        <v>0</v>
      </c>
      <c r="P128" s="8">
        <v>0</v>
      </c>
      <c r="Q128" s="8">
        <v>0</v>
      </c>
      <c r="R128" s="8">
        <v>0</v>
      </c>
      <c r="S128" s="8">
        <v>0</v>
      </c>
      <c r="T128" s="8">
        <v>0</v>
      </c>
      <c r="U128" s="8">
        <v>0</v>
      </c>
      <c r="V128" s="8">
        <v>0</v>
      </c>
      <c r="W128" s="8">
        <v>1</v>
      </c>
    </row>
    <row r="129" spans="1:23" s="9" customFormat="1">
      <c r="A129" s="9" t="s">
        <v>28</v>
      </c>
      <c r="B129" s="10">
        <v>0.30909999999999999</v>
      </c>
      <c r="C129" s="8"/>
      <c r="D129" s="8">
        <v>0</v>
      </c>
      <c r="E129" s="8">
        <v>0</v>
      </c>
      <c r="F129" s="8">
        <v>0</v>
      </c>
      <c r="G129" s="8">
        <v>0</v>
      </c>
      <c r="H129" s="8">
        <v>0</v>
      </c>
      <c r="I129" s="8">
        <v>0</v>
      </c>
      <c r="J129" s="8">
        <v>0</v>
      </c>
      <c r="K129" s="8">
        <v>0</v>
      </c>
      <c r="L129" s="8">
        <v>0</v>
      </c>
      <c r="M129" s="8">
        <v>0</v>
      </c>
      <c r="N129" s="8">
        <v>0</v>
      </c>
      <c r="O129" s="8">
        <v>0</v>
      </c>
      <c r="P129" s="8">
        <v>0</v>
      </c>
      <c r="Q129" s="8">
        <v>0</v>
      </c>
      <c r="R129" s="8">
        <v>0</v>
      </c>
      <c r="S129" s="8">
        <v>0</v>
      </c>
      <c r="T129" s="8">
        <v>0</v>
      </c>
      <c r="U129" s="8">
        <v>0</v>
      </c>
      <c r="V129" s="8">
        <v>0</v>
      </c>
      <c r="W129" s="8">
        <v>1</v>
      </c>
    </row>
    <row r="130" spans="1:23" s="9" customFormat="1">
      <c r="A130" s="9" t="s">
        <v>29</v>
      </c>
      <c r="B130" s="10">
        <v>0.22270000000000001</v>
      </c>
      <c r="C130" s="8"/>
      <c r="D130" s="8">
        <v>0</v>
      </c>
      <c r="E130" s="8">
        <v>0</v>
      </c>
      <c r="F130" s="8">
        <v>0</v>
      </c>
      <c r="G130" s="8">
        <v>0</v>
      </c>
      <c r="H130" s="8">
        <v>0</v>
      </c>
      <c r="I130" s="8">
        <v>0</v>
      </c>
      <c r="J130" s="8">
        <v>0</v>
      </c>
      <c r="K130" s="8">
        <v>0</v>
      </c>
      <c r="L130" s="8">
        <v>0</v>
      </c>
      <c r="M130" s="8">
        <v>0</v>
      </c>
      <c r="N130" s="8">
        <v>0</v>
      </c>
      <c r="O130" s="8">
        <v>0</v>
      </c>
      <c r="P130" s="8">
        <v>0</v>
      </c>
      <c r="Q130" s="8">
        <v>0</v>
      </c>
      <c r="R130" s="8">
        <v>0</v>
      </c>
      <c r="S130" s="8">
        <v>0</v>
      </c>
      <c r="T130" s="8">
        <v>0</v>
      </c>
      <c r="U130" s="8">
        <v>0</v>
      </c>
      <c r="V130" s="8">
        <v>0</v>
      </c>
      <c r="W130" s="8">
        <v>0</v>
      </c>
    </row>
    <row r="131" spans="1:23" s="9" customFormat="1">
      <c r="A131" s="9" t="s">
        <v>30</v>
      </c>
      <c r="B131" s="10">
        <v>0.15359999999999999</v>
      </c>
      <c r="C131" s="8"/>
      <c r="D131" s="8">
        <v>0</v>
      </c>
      <c r="E131" s="8">
        <v>0</v>
      </c>
      <c r="F131" s="8">
        <v>0</v>
      </c>
      <c r="G131" s="8">
        <v>0</v>
      </c>
      <c r="H131" s="8">
        <v>0</v>
      </c>
      <c r="I131" s="8">
        <v>0</v>
      </c>
      <c r="J131" s="8">
        <v>0</v>
      </c>
      <c r="K131" s="8">
        <v>0</v>
      </c>
      <c r="L131" s="8">
        <v>0</v>
      </c>
      <c r="M131" s="8">
        <v>0</v>
      </c>
      <c r="N131" s="8">
        <v>0</v>
      </c>
      <c r="O131" s="8">
        <v>0</v>
      </c>
      <c r="P131" s="8">
        <v>0</v>
      </c>
      <c r="Q131" s="8">
        <v>0</v>
      </c>
      <c r="R131" s="8">
        <v>0</v>
      </c>
      <c r="S131" s="8">
        <v>0</v>
      </c>
      <c r="T131" s="8">
        <v>0</v>
      </c>
      <c r="U131" s="8">
        <v>0</v>
      </c>
      <c r="V131" s="8">
        <v>0</v>
      </c>
      <c r="W131" s="8">
        <v>0</v>
      </c>
    </row>
    <row r="132" spans="1:23" s="9" customFormat="1">
      <c r="A132" s="9" t="s">
        <v>31</v>
      </c>
      <c r="B132" s="10">
        <v>0.1018</v>
      </c>
      <c r="C132" s="8"/>
      <c r="D132" s="8">
        <v>0</v>
      </c>
      <c r="E132" s="8">
        <v>0</v>
      </c>
      <c r="F132" s="8">
        <v>0</v>
      </c>
      <c r="G132" s="8">
        <v>0</v>
      </c>
      <c r="H132" s="8">
        <v>0</v>
      </c>
      <c r="I132" s="8">
        <v>0</v>
      </c>
      <c r="J132" s="8">
        <v>0</v>
      </c>
      <c r="K132" s="8">
        <v>0</v>
      </c>
      <c r="L132" s="8">
        <v>0</v>
      </c>
      <c r="M132" s="8">
        <v>0</v>
      </c>
      <c r="N132" s="8">
        <v>0</v>
      </c>
      <c r="O132" s="8">
        <v>0</v>
      </c>
      <c r="P132" s="8">
        <v>0</v>
      </c>
      <c r="Q132" s="8">
        <v>0</v>
      </c>
      <c r="R132" s="8">
        <v>0</v>
      </c>
      <c r="S132" s="8">
        <v>0</v>
      </c>
      <c r="T132" s="8">
        <v>0</v>
      </c>
      <c r="U132" s="8">
        <v>0</v>
      </c>
      <c r="V132" s="8">
        <v>0</v>
      </c>
      <c r="W132" s="8">
        <v>0</v>
      </c>
    </row>
    <row r="133" spans="1:23" s="9" customFormat="1">
      <c r="A133" s="9" t="s">
        <v>32</v>
      </c>
      <c r="B133" s="10">
        <v>6.7299999999999999E-2</v>
      </c>
      <c r="C133" s="8"/>
      <c r="D133" s="8">
        <v>0</v>
      </c>
      <c r="E133" s="8">
        <v>0</v>
      </c>
      <c r="F133" s="8">
        <v>0</v>
      </c>
      <c r="G133" s="8">
        <v>0</v>
      </c>
      <c r="H133" s="8">
        <v>0</v>
      </c>
      <c r="I133" s="8">
        <v>0</v>
      </c>
      <c r="J133" s="8">
        <v>0</v>
      </c>
      <c r="K133" s="8">
        <v>0</v>
      </c>
      <c r="L133" s="8">
        <v>0</v>
      </c>
      <c r="M133" s="8">
        <v>0</v>
      </c>
      <c r="N133" s="8">
        <v>0</v>
      </c>
      <c r="O133" s="8">
        <v>0</v>
      </c>
      <c r="P133" s="8">
        <v>0</v>
      </c>
      <c r="Q133" s="8">
        <v>0</v>
      </c>
      <c r="R133" s="8">
        <v>0</v>
      </c>
      <c r="S133" s="8">
        <v>0</v>
      </c>
      <c r="T133" s="8">
        <v>0</v>
      </c>
      <c r="U133" s="8">
        <v>0</v>
      </c>
      <c r="V133" s="8">
        <v>0</v>
      </c>
      <c r="W133" s="8">
        <v>0</v>
      </c>
    </row>
    <row r="134" spans="1:23" s="9" customFormat="1">
      <c r="A134" s="12" t="s">
        <v>33</v>
      </c>
      <c r="B134" s="16">
        <v>0.05</v>
      </c>
      <c r="C134" s="13"/>
      <c r="D134" s="13">
        <v>0</v>
      </c>
      <c r="E134" s="13">
        <v>0</v>
      </c>
      <c r="F134" s="13">
        <v>0</v>
      </c>
      <c r="G134" s="13">
        <v>0</v>
      </c>
      <c r="H134" s="13">
        <v>0</v>
      </c>
      <c r="I134" s="13">
        <v>1</v>
      </c>
      <c r="J134" s="13">
        <v>1</v>
      </c>
      <c r="K134" s="13">
        <v>1</v>
      </c>
      <c r="L134" s="13">
        <v>1</v>
      </c>
      <c r="M134" s="13">
        <v>6</v>
      </c>
      <c r="N134" s="13">
        <v>0</v>
      </c>
      <c r="O134" s="13">
        <v>0</v>
      </c>
      <c r="P134" s="13">
        <v>0</v>
      </c>
      <c r="Q134" s="13">
        <v>0</v>
      </c>
      <c r="R134" s="13">
        <v>0</v>
      </c>
      <c r="S134" s="13">
        <v>1</v>
      </c>
      <c r="T134" s="13">
        <v>1</v>
      </c>
      <c r="U134" s="13">
        <v>1</v>
      </c>
      <c r="V134" s="13">
        <v>1</v>
      </c>
      <c r="W134" s="13">
        <v>6</v>
      </c>
    </row>
    <row r="135" spans="1:23" s="9" customFormat="1">
      <c r="A135" s="14" t="s">
        <v>34</v>
      </c>
      <c r="B135" s="14"/>
      <c r="C135" s="15">
        <v>0</v>
      </c>
      <c r="D135" s="15">
        <v>0</v>
      </c>
      <c r="E135" s="15">
        <v>0</v>
      </c>
      <c r="F135" s="15">
        <v>0</v>
      </c>
      <c r="G135" s="15">
        <v>0</v>
      </c>
      <c r="H135" s="15">
        <v>0</v>
      </c>
      <c r="I135" s="15">
        <v>1</v>
      </c>
      <c r="J135" s="15">
        <v>1</v>
      </c>
      <c r="K135" s="15">
        <v>1</v>
      </c>
      <c r="L135" s="15">
        <v>1</v>
      </c>
      <c r="M135" s="15">
        <v>6</v>
      </c>
      <c r="N135" s="15">
        <v>0</v>
      </c>
      <c r="O135" s="15">
        <v>0</v>
      </c>
      <c r="P135" s="15">
        <v>0</v>
      </c>
      <c r="Q135" s="15">
        <v>0</v>
      </c>
      <c r="R135" s="15">
        <v>0</v>
      </c>
      <c r="S135" s="15">
        <v>1</v>
      </c>
      <c r="T135" s="15">
        <v>1</v>
      </c>
      <c r="U135" s="15">
        <v>1</v>
      </c>
      <c r="V135" s="15">
        <v>1</v>
      </c>
      <c r="W135" s="15">
        <v>10</v>
      </c>
    </row>
    <row r="138" spans="1:23" ht="18">
      <c r="A138" s="165" t="s">
        <v>147</v>
      </c>
    </row>
    <row r="139" spans="1:23">
      <c r="A139" s="18" t="s">
        <v>35</v>
      </c>
      <c r="B139" s="19"/>
      <c r="C139" s="19" t="s">
        <v>2</v>
      </c>
      <c r="D139" s="19" t="s">
        <v>3</v>
      </c>
      <c r="E139" s="19" t="s">
        <v>4</v>
      </c>
      <c r="F139" s="19" t="s">
        <v>5</v>
      </c>
      <c r="G139" s="19" t="s">
        <v>6</v>
      </c>
      <c r="H139" s="19" t="s">
        <v>7</v>
      </c>
      <c r="I139" s="19" t="s">
        <v>8</v>
      </c>
      <c r="J139" s="19" t="s">
        <v>9</v>
      </c>
      <c r="K139" s="19" t="s">
        <v>10</v>
      </c>
      <c r="L139" s="19" t="s">
        <v>11</v>
      </c>
      <c r="M139" s="19" t="s">
        <v>12</v>
      </c>
      <c r="N139" s="19" t="s">
        <v>13</v>
      </c>
      <c r="O139" s="19" t="s">
        <v>14</v>
      </c>
      <c r="P139" s="19" t="s">
        <v>15</v>
      </c>
      <c r="Q139" s="19" t="s">
        <v>16</v>
      </c>
      <c r="R139" s="19" t="s">
        <v>17</v>
      </c>
      <c r="S139" s="19" t="s">
        <v>18</v>
      </c>
      <c r="T139" s="19" t="s">
        <v>19</v>
      </c>
      <c r="U139" s="19" t="s">
        <v>20</v>
      </c>
      <c r="V139" s="19" t="s">
        <v>21</v>
      </c>
      <c r="W139" s="20" t="s">
        <v>22</v>
      </c>
    </row>
    <row r="140" spans="1:23">
      <c r="A140" s="21" t="s">
        <v>36</v>
      </c>
      <c r="B140" s="22"/>
      <c r="C140" s="7"/>
      <c r="D140" s="23">
        <v>0.1</v>
      </c>
      <c r="E140" s="23">
        <v>0.1</v>
      </c>
      <c r="F140" s="23">
        <v>0.1</v>
      </c>
      <c r="G140" s="23">
        <v>0.1</v>
      </c>
      <c r="H140" s="23">
        <v>0.1</v>
      </c>
      <c r="I140" s="23">
        <v>0.1</v>
      </c>
      <c r="J140" s="23">
        <v>0.1</v>
      </c>
      <c r="K140" s="23">
        <v>0.1</v>
      </c>
      <c r="L140" s="23">
        <v>0.1</v>
      </c>
      <c r="M140" s="23">
        <v>0.1</v>
      </c>
      <c r="N140" s="23">
        <v>0.1</v>
      </c>
      <c r="O140" s="23">
        <v>0.1</v>
      </c>
      <c r="P140" s="23">
        <v>0.1</v>
      </c>
      <c r="Q140" s="23">
        <v>0.1</v>
      </c>
      <c r="R140" s="23">
        <v>0.1</v>
      </c>
      <c r="S140" s="23">
        <v>0.1</v>
      </c>
      <c r="T140" s="23">
        <v>0.1</v>
      </c>
      <c r="U140" s="23">
        <v>0.1</v>
      </c>
      <c r="V140" s="23">
        <v>0.1</v>
      </c>
      <c r="W140" s="24">
        <v>0.32497500000000001</v>
      </c>
    </row>
    <row r="141" spans="1:23">
      <c r="A141" s="25" t="s">
        <v>37</v>
      </c>
      <c r="B141" s="12"/>
      <c r="C141" s="13"/>
      <c r="D141" s="13">
        <v>1</v>
      </c>
      <c r="E141" s="13">
        <v>1</v>
      </c>
      <c r="F141" s="13">
        <v>1</v>
      </c>
      <c r="G141" s="13">
        <v>1</v>
      </c>
      <c r="H141" s="13">
        <v>1</v>
      </c>
      <c r="I141" s="13">
        <v>1</v>
      </c>
      <c r="J141" s="13">
        <v>1</v>
      </c>
      <c r="K141" s="13">
        <v>1</v>
      </c>
      <c r="L141" s="13">
        <v>1</v>
      </c>
      <c r="M141" s="13">
        <v>1</v>
      </c>
      <c r="N141" s="13">
        <v>1</v>
      </c>
      <c r="O141" s="13">
        <v>1</v>
      </c>
      <c r="P141" s="13">
        <v>1</v>
      </c>
      <c r="Q141" s="13">
        <v>1</v>
      </c>
      <c r="R141" s="13">
        <v>1</v>
      </c>
      <c r="S141" s="13">
        <v>1</v>
      </c>
      <c r="T141" s="13">
        <v>1</v>
      </c>
      <c r="U141" s="13">
        <v>1</v>
      </c>
      <c r="V141" s="13">
        <v>1</v>
      </c>
      <c r="W141" s="26">
        <v>8</v>
      </c>
    </row>
    <row r="144" spans="1:23">
      <c r="A144" s="18" t="s">
        <v>38</v>
      </c>
      <c r="B144" s="19"/>
      <c r="C144" s="19" t="s">
        <v>2</v>
      </c>
      <c r="D144" s="19" t="s">
        <v>3</v>
      </c>
      <c r="E144" s="19" t="s">
        <v>4</v>
      </c>
      <c r="F144" s="19" t="s">
        <v>5</v>
      </c>
      <c r="G144" s="19" t="s">
        <v>6</v>
      </c>
      <c r="H144" s="19" t="s">
        <v>7</v>
      </c>
      <c r="I144" s="19" t="s">
        <v>8</v>
      </c>
      <c r="J144" s="19" t="s">
        <v>9</v>
      </c>
      <c r="K144" s="19" t="s">
        <v>10</v>
      </c>
      <c r="L144" s="19" t="s">
        <v>11</v>
      </c>
      <c r="M144" s="19" t="s">
        <v>12</v>
      </c>
      <c r="N144" s="19" t="s">
        <v>13</v>
      </c>
      <c r="O144" s="19" t="s">
        <v>14</v>
      </c>
      <c r="P144" s="19" t="s">
        <v>15</v>
      </c>
      <c r="Q144" s="19" t="s">
        <v>16</v>
      </c>
      <c r="R144" s="19" t="s">
        <v>17</v>
      </c>
      <c r="S144" s="19" t="s">
        <v>18</v>
      </c>
      <c r="T144" s="19" t="s">
        <v>19</v>
      </c>
      <c r="U144" s="19" t="s">
        <v>20</v>
      </c>
      <c r="V144" s="19" t="s">
        <v>21</v>
      </c>
      <c r="W144" s="20" t="s">
        <v>22</v>
      </c>
    </row>
    <row r="145" spans="1:23">
      <c r="A145" s="21" t="s">
        <v>36</v>
      </c>
      <c r="B145" s="22"/>
      <c r="C145" s="7"/>
      <c r="D145" s="23">
        <v>0.05</v>
      </c>
      <c r="E145" s="23">
        <v>0.05</v>
      </c>
      <c r="F145" s="23">
        <v>0.05</v>
      </c>
      <c r="G145" s="23">
        <v>0.05</v>
      </c>
      <c r="H145" s="23">
        <v>0.05</v>
      </c>
      <c r="I145" s="23">
        <v>0.05</v>
      </c>
      <c r="J145" s="23">
        <v>0.05</v>
      </c>
      <c r="K145" s="23">
        <v>0.05</v>
      </c>
      <c r="L145" s="23">
        <v>0.05</v>
      </c>
      <c r="M145" s="23">
        <v>0.05</v>
      </c>
      <c r="N145" s="23">
        <v>0.05</v>
      </c>
      <c r="O145" s="23">
        <v>0.05</v>
      </c>
      <c r="P145" s="23">
        <v>0.05</v>
      </c>
      <c r="Q145" s="23">
        <v>0.05</v>
      </c>
      <c r="R145" s="23">
        <v>0.05</v>
      </c>
      <c r="S145" s="23">
        <v>0.05</v>
      </c>
      <c r="T145" s="23">
        <v>0.05</v>
      </c>
      <c r="U145" s="23">
        <v>0.05</v>
      </c>
      <c r="V145" s="23">
        <v>0.05</v>
      </c>
      <c r="W145" s="24">
        <v>0.30908181818181818</v>
      </c>
    </row>
    <row r="146" spans="1:23">
      <c r="A146" s="25" t="s">
        <v>37</v>
      </c>
      <c r="B146" s="12"/>
      <c r="C146" s="13"/>
      <c r="D146" s="13">
        <v>1</v>
      </c>
      <c r="E146" s="13">
        <v>1</v>
      </c>
      <c r="F146" s="13">
        <v>1</v>
      </c>
      <c r="G146" s="13">
        <v>1</v>
      </c>
      <c r="H146" s="13">
        <v>1</v>
      </c>
      <c r="I146" s="13">
        <v>1</v>
      </c>
      <c r="J146" s="13">
        <v>1</v>
      </c>
      <c r="K146" s="13">
        <v>1</v>
      </c>
      <c r="L146" s="13">
        <v>1</v>
      </c>
      <c r="M146" s="13">
        <v>1</v>
      </c>
      <c r="N146" s="13">
        <v>1</v>
      </c>
      <c r="O146" s="13">
        <v>1</v>
      </c>
      <c r="P146" s="13">
        <v>1</v>
      </c>
      <c r="Q146" s="13">
        <v>1</v>
      </c>
      <c r="R146" s="13">
        <v>1</v>
      </c>
      <c r="S146" s="13">
        <v>1</v>
      </c>
      <c r="T146" s="13">
        <v>1</v>
      </c>
      <c r="U146" s="13">
        <v>1</v>
      </c>
      <c r="V146" s="13">
        <v>1</v>
      </c>
      <c r="W146" s="26">
        <v>11</v>
      </c>
    </row>
    <row r="148" spans="1:23">
      <c r="A148" s="18" t="s">
        <v>40</v>
      </c>
      <c r="B148" s="19"/>
      <c r="C148" s="19" t="s">
        <v>2</v>
      </c>
      <c r="D148" s="19" t="s">
        <v>3</v>
      </c>
      <c r="E148" s="19" t="s">
        <v>4</v>
      </c>
      <c r="F148" s="19" t="s">
        <v>5</v>
      </c>
      <c r="G148" s="19" t="s">
        <v>6</v>
      </c>
      <c r="H148" s="19" t="s">
        <v>7</v>
      </c>
      <c r="I148" s="19" t="s">
        <v>8</v>
      </c>
      <c r="J148" s="19" t="s">
        <v>9</v>
      </c>
      <c r="K148" s="19" t="s">
        <v>10</v>
      </c>
      <c r="L148" s="19" t="s">
        <v>11</v>
      </c>
      <c r="M148" s="19" t="s">
        <v>12</v>
      </c>
      <c r="N148" s="19" t="s">
        <v>13</v>
      </c>
      <c r="O148" s="19" t="s">
        <v>14</v>
      </c>
      <c r="P148" s="19" t="s">
        <v>15</v>
      </c>
      <c r="Q148" s="19" t="s">
        <v>16</v>
      </c>
      <c r="R148" s="19" t="s">
        <v>17</v>
      </c>
      <c r="S148" s="19" t="s">
        <v>18</v>
      </c>
      <c r="T148" s="19" t="s">
        <v>19</v>
      </c>
      <c r="U148" s="19" t="s">
        <v>20</v>
      </c>
      <c r="V148" s="19" t="s">
        <v>21</v>
      </c>
      <c r="W148" s="20" t="s">
        <v>22</v>
      </c>
    </row>
    <row r="149" spans="1:23">
      <c r="A149" s="21" t="s">
        <v>36</v>
      </c>
      <c r="B149" s="22"/>
      <c r="C149" s="7"/>
      <c r="D149" s="23">
        <v>0</v>
      </c>
      <c r="E149" s="23">
        <v>0</v>
      </c>
      <c r="F149" s="23">
        <v>0</v>
      </c>
      <c r="G149" s="23">
        <v>0</v>
      </c>
      <c r="H149" s="23">
        <v>0</v>
      </c>
      <c r="I149" s="23">
        <v>0.05</v>
      </c>
      <c r="J149" s="23">
        <v>0.05</v>
      </c>
      <c r="K149" s="23">
        <v>0.05</v>
      </c>
      <c r="L149" s="23">
        <v>0.05</v>
      </c>
      <c r="M149" s="23">
        <v>5.000000000000001E-2</v>
      </c>
      <c r="N149" s="23">
        <v>0</v>
      </c>
      <c r="O149" s="23">
        <v>0</v>
      </c>
      <c r="P149" s="23">
        <v>0</v>
      </c>
      <c r="Q149" s="23">
        <v>0</v>
      </c>
      <c r="R149" s="23">
        <v>0</v>
      </c>
      <c r="S149" s="23">
        <v>0.05</v>
      </c>
      <c r="T149" s="23">
        <v>0.05</v>
      </c>
      <c r="U149" s="23">
        <v>0.05</v>
      </c>
      <c r="V149" s="23">
        <v>0.05</v>
      </c>
      <c r="W149" s="24">
        <v>0.22271999999999997</v>
      </c>
    </row>
    <row r="150" spans="1:23">
      <c r="A150" s="25" t="s">
        <v>37</v>
      </c>
      <c r="B150" s="12"/>
      <c r="C150" s="13"/>
      <c r="D150" s="13">
        <v>0</v>
      </c>
      <c r="E150" s="13">
        <v>0</v>
      </c>
      <c r="F150" s="13">
        <v>0</v>
      </c>
      <c r="G150" s="13">
        <v>0</v>
      </c>
      <c r="H150" s="13">
        <v>0</v>
      </c>
      <c r="I150" s="13">
        <v>1</v>
      </c>
      <c r="J150" s="13">
        <v>1</v>
      </c>
      <c r="K150" s="13">
        <v>1</v>
      </c>
      <c r="L150" s="13">
        <v>1</v>
      </c>
      <c r="M150" s="13">
        <v>6</v>
      </c>
      <c r="N150" s="13">
        <v>0</v>
      </c>
      <c r="O150" s="13">
        <v>0</v>
      </c>
      <c r="P150" s="13">
        <v>0</v>
      </c>
      <c r="Q150" s="13">
        <v>0</v>
      </c>
      <c r="R150" s="13">
        <v>0</v>
      </c>
      <c r="S150" s="13">
        <v>1</v>
      </c>
      <c r="T150" s="13">
        <v>1</v>
      </c>
      <c r="U150" s="13">
        <v>1</v>
      </c>
      <c r="V150" s="13">
        <v>1</v>
      </c>
      <c r="W150" s="26">
        <v>10</v>
      </c>
    </row>
    <row r="151" spans="1:23">
      <c r="A151" s="22"/>
      <c r="B151" s="22"/>
      <c r="C151" s="171"/>
      <c r="D151" s="171"/>
      <c r="E151" s="171"/>
      <c r="F151" s="171"/>
      <c r="G151" s="171"/>
      <c r="H151" s="171"/>
      <c r="I151" s="171"/>
      <c r="J151" s="171"/>
      <c r="K151" s="171"/>
      <c r="L151" s="171"/>
      <c r="M151" s="171"/>
      <c r="N151" s="171"/>
      <c r="O151" s="171"/>
      <c r="P151" s="171"/>
      <c r="Q151" s="171"/>
      <c r="R151" s="171"/>
      <c r="S151" s="171"/>
      <c r="T151" s="171"/>
      <c r="U151" s="171"/>
      <c r="V151" s="171"/>
      <c r="W151" s="171"/>
    </row>
    <row r="152" spans="1:23">
      <c r="A152" s="22"/>
      <c r="B152" s="22"/>
      <c r="C152" s="171"/>
      <c r="D152" s="171"/>
      <c r="E152" s="171"/>
      <c r="F152" s="171"/>
      <c r="G152" s="171"/>
      <c r="H152" s="171"/>
      <c r="I152" s="171"/>
      <c r="J152" s="171"/>
      <c r="K152" s="171"/>
      <c r="L152" s="171"/>
      <c r="M152" s="171"/>
      <c r="N152" s="171"/>
      <c r="O152" s="171"/>
      <c r="P152" s="171"/>
      <c r="Q152" s="171"/>
      <c r="R152" s="171"/>
      <c r="S152" s="171"/>
      <c r="T152" s="171"/>
      <c r="U152" s="171"/>
      <c r="V152" s="171"/>
      <c r="W152" s="171"/>
    </row>
    <row r="153" spans="1:23">
      <c r="A153" s="22"/>
      <c r="B153" s="22"/>
      <c r="C153" s="171"/>
      <c r="D153" s="171"/>
      <c r="E153" s="171"/>
      <c r="F153" s="171"/>
      <c r="G153" s="171"/>
      <c r="H153" s="171"/>
      <c r="I153" s="171"/>
      <c r="J153" s="171"/>
      <c r="K153" s="171"/>
      <c r="L153" s="171"/>
      <c r="M153" s="171"/>
      <c r="N153" s="171"/>
      <c r="O153" s="171"/>
      <c r="P153" s="171"/>
      <c r="Q153" s="171"/>
      <c r="R153" s="171"/>
      <c r="S153" s="171"/>
      <c r="T153" s="171"/>
      <c r="U153" s="171"/>
      <c r="V153" s="171"/>
      <c r="W153" s="171"/>
    </row>
    <row r="154" spans="1:23">
      <c r="A154" s="22"/>
      <c r="B154" s="22"/>
      <c r="C154" s="171"/>
      <c r="D154" s="171"/>
      <c r="E154" s="171"/>
      <c r="F154" s="171"/>
      <c r="G154" s="171"/>
      <c r="H154" s="171"/>
      <c r="I154" s="171"/>
      <c r="J154" s="171"/>
      <c r="K154" s="171"/>
      <c r="L154" s="171"/>
      <c r="M154" s="171"/>
      <c r="N154" s="171"/>
      <c r="O154" s="171"/>
      <c r="P154" s="171"/>
      <c r="Q154" s="171"/>
      <c r="R154" s="171"/>
      <c r="S154" s="171"/>
      <c r="T154" s="171"/>
      <c r="U154" s="171"/>
      <c r="V154" s="171"/>
      <c r="W154" s="171"/>
    </row>
    <row r="155" spans="1:23">
      <c r="A155" s="22"/>
      <c r="B155" s="22"/>
      <c r="C155" s="171"/>
      <c r="D155" s="171"/>
      <c r="E155" s="171"/>
      <c r="F155" s="171"/>
      <c r="G155" s="171"/>
      <c r="H155" s="171"/>
      <c r="I155" s="171"/>
      <c r="J155" s="171"/>
      <c r="K155" s="171"/>
      <c r="L155" s="171"/>
      <c r="M155" s="171"/>
      <c r="N155" s="171"/>
      <c r="O155" s="171"/>
      <c r="P155" s="171"/>
      <c r="Q155" s="171"/>
      <c r="R155" s="171"/>
      <c r="S155" s="171"/>
      <c r="T155" s="171"/>
      <c r="U155" s="171"/>
      <c r="V155" s="171"/>
      <c r="W155" s="171"/>
    </row>
    <row r="156" spans="1:23">
      <c r="A156" s="22"/>
      <c r="B156" s="22"/>
      <c r="C156" s="171"/>
      <c r="D156" s="171"/>
      <c r="E156" s="171"/>
      <c r="F156" s="171"/>
      <c r="G156" s="171"/>
      <c r="H156" s="171"/>
      <c r="I156" s="171"/>
      <c r="J156" s="171"/>
      <c r="K156" s="171"/>
      <c r="L156" s="171"/>
      <c r="M156" s="171"/>
      <c r="N156" s="171"/>
      <c r="O156" s="171"/>
      <c r="P156" s="171"/>
      <c r="Q156" s="171"/>
      <c r="R156" s="171"/>
      <c r="S156" s="171"/>
      <c r="T156" s="171"/>
      <c r="U156" s="171"/>
      <c r="V156" s="171"/>
      <c r="W156" s="171"/>
    </row>
    <row r="157" spans="1:23">
      <c r="A157" s="22"/>
      <c r="B157" s="22"/>
      <c r="C157" s="171"/>
      <c r="D157" s="171"/>
      <c r="E157" s="171"/>
      <c r="F157" s="171"/>
      <c r="G157" s="171"/>
      <c r="H157" s="171"/>
      <c r="I157" s="171"/>
      <c r="J157" s="171"/>
      <c r="K157" s="171"/>
      <c r="L157" s="171"/>
      <c r="M157" s="171"/>
      <c r="N157" s="171"/>
      <c r="O157" s="171"/>
      <c r="P157" s="171"/>
      <c r="Q157" s="171"/>
      <c r="R157" s="171"/>
      <c r="S157" s="171"/>
      <c r="T157" s="171"/>
      <c r="U157" s="171"/>
      <c r="V157" s="171"/>
      <c r="W157" s="171"/>
    </row>
    <row r="158" spans="1:23">
      <c r="A158" s="22"/>
      <c r="B158" s="22"/>
      <c r="C158" s="171"/>
      <c r="D158" s="171"/>
      <c r="E158" s="171"/>
      <c r="F158" s="171"/>
      <c r="G158" s="171"/>
      <c r="H158" s="171"/>
      <c r="I158" s="171"/>
      <c r="J158" s="171"/>
      <c r="K158" s="171"/>
      <c r="L158" s="171"/>
      <c r="M158" s="171"/>
      <c r="N158" s="171"/>
      <c r="O158" s="171"/>
      <c r="P158" s="171"/>
      <c r="Q158" s="171"/>
      <c r="R158" s="171"/>
      <c r="S158" s="171"/>
      <c r="T158" s="171"/>
      <c r="U158" s="171"/>
      <c r="V158" s="171"/>
      <c r="W158" s="171"/>
    </row>
    <row r="159" spans="1:23">
      <c r="A159" s="22"/>
      <c r="B159" s="22"/>
      <c r="C159" s="171"/>
      <c r="D159" s="171"/>
      <c r="E159" s="171"/>
      <c r="F159" s="171"/>
      <c r="G159" s="171"/>
      <c r="H159" s="171"/>
      <c r="I159" s="171"/>
      <c r="J159" s="171"/>
      <c r="K159" s="171"/>
      <c r="L159" s="171"/>
      <c r="M159" s="171"/>
      <c r="N159" s="171"/>
      <c r="O159" s="171"/>
      <c r="P159" s="171"/>
      <c r="Q159" s="171"/>
      <c r="R159" s="171"/>
      <c r="S159" s="171"/>
      <c r="T159" s="171"/>
      <c r="U159" s="171"/>
      <c r="V159" s="171"/>
      <c r="W159" s="171"/>
    </row>
    <row r="160" spans="1:23">
      <c r="A160" s="22"/>
      <c r="B160" s="22"/>
      <c r="C160" s="171"/>
      <c r="D160" s="171"/>
      <c r="E160" s="171"/>
      <c r="F160" s="171"/>
      <c r="G160" s="171"/>
      <c r="H160" s="171"/>
      <c r="I160" s="171"/>
      <c r="J160" s="171"/>
      <c r="K160" s="171"/>
      <c r="L160" s="171"/>
      <c r="M160" s="171"/>
      <c r="N160" s="171"/>
      <c r="O160" s="171"/>
      <c r="P160" s="171"/>
      <c r="Q160" s="171"/>
      <c r="R160" s="171"/>
      <c r="S160" s="171"/>
      <c r="T160" s="171"/>
      <c r="U160" s="171"/>
      <c r="V160" s="171"/>
      <c r="W160" s="171"/>
    </row>
    <row r="161" spans="1:23">
      <c r="A161" s="22"/>
      <c r="B161" s="22"/>
      <c r="C161" s="171"/>
      <c r="D161" s="171"/>
      <c r="E161" s="171"/>
      <c r="F161" s="171"/>
      <c r="G161" s="171"/>
      <c r="H161" s="171"/>
      <c r="I161" s="171"/>
      <c r="J161" s="171"/>
      <c r="K161" s="171"/>
      <c r="L161" s="171"/>
      <c r="M161" s="171"/>
      <c r="N161" s="171"/>
      <c r="O161" s="171"/>
      <c r="P161" s="171"/>
      <c r="Q161" s="171"/>
      <c r="R161" s="171"/>
      <c r="S161" s="171"/>
      <c r="T161" s="171"/>
      <c r="U161" s="171"/>
      <c r="V161" s="171"/>
      <c r="W161" s="171"/>
    </row>
    <row r="162" spans="1:23">
      <c r="A162" s="22"/>
      <c r="B162" s="22"/>
      <c r="C162" s="171"/>
      <c r="D162" s="171"/>
      <c r="E162" s="171"/>
      <c r="F162" s="171"/>
      <c r="G162" s="171"/>
      <c r="H162" s="171"/>
      <c r="I162" s="171"/>
      <c r="J162" s="171"/>
      <c r="K162" s="171"/>
      <c r="L162" s="171"/>
      <c r="M162" s="171"/>
      <c r="N162" s="171"/>
      <c r="O162" s="171"/>
      <c r="P162" s="171"/>
      <c r="Q162" s="171"/>
      <c r="R162" s="171"/>
      <c r="S162" s="171"/>
      <c r="T162" s="171"/>
      <c r="U162" s="171"/>
      <c r="V162" s="171"/>
      <c r="W162" s="171"/>
    </row>
    <row r="167" spans="1:23" ht="12.75">
      <c r="K167" s="172" t="s">
        <v>176</v>
      </c>
    </row>
    <row r="168" spans="1:23">
      <c r="A168" s="1"/>
    </row>
    <row r="171" spans="1:23" ht="18">
      <c r="A171" s="165" t="s">
        <v>149</v>
      </c>
    </row>
    <row r="172" spans="1:23" ht="22.5">
      <c r="A172" s="28" t="s">
        <v>41</v>
      </c>
      <c r="B172" s="29" t="s">
        <v>42</v>
      </c>
      <c r="C172" s="19" t="s">
        <v>43</v>
      </c>
      <c r="D172" s="29" t="s">
        <v>44</v>
      </c>
      <c r="E172" s="30" t="s">
        <v>2</v>
      </c>
      <c r="F172" s="30" t="s">
        <v>3</v>
      </c>
      <c r="G172" s="30" t="s">
        <v>4</v>
      </c>
      <c r="H172" s="30" t="s">
        <v>5</v>
      </c>
      <c r="I172" s="30" t="s">
        <v>6</v>
      </c>
      <c r="J172" s="30" t="s">
        <v>7</v>
      </c>
      <c r="K172" s="30" t="s">
        <v>8</v>
      </c>
      <c r="L172" s="30" t="s">
        <v>9</v>
      </c>
      <c r="M172" s="30" t="s">
        <v>10</v>
      </c>
      <c r="N172" s="30" t="s">
        <v>11</v>
      </c>
      <c r="O172" s="30" t="s">
        <v>12</v>
      </c>
      <c r="P172" s="30" t="s">
        <v>13</v>
      </c>
      <c r="Q172" s="30" t="s">
        <v>14</v>
      </c>
      <c r="R172" s="30" t="s">
        <v>15</v>
      </c>
      <c r="S172" s="30" t="s">
        <v>16</v>
      </c>
      <c r="T172" s="30" t="s">
        <v>17</v>
      </c>
      <c r="U172" s="30" t="s">
        <v>18</v>
      </c>
      <c r="V172" s="30" t="s">
        <v>19</v>
      </c>
      <c r="W172" s="30" t="s">
        <v>20</v>
      </c>
    </row>
    <row r="173" spans="1:23">
      <c r="A173" s="21" t="s">
        <v>45</v>
      </c>
      <c r="B173" s="31">
        <v>293083.95</v>
      </c>
      <c r="C173" s="22">
        <v>10</v>
      </c>
      <c r="D173" s="23">
        <v>0</v>
      </c>
      <c r="E173" s="31">
        <v>1260231.6766050004</v>
      </c>
      <c r="F173" s="31">
        <v>293083.95</v>
      </c>
      <c r="G173" s="31">
        <v>293083.95</v>
      </c>
      <c r="H173" s="31">
        <v>293083.95</v>
      </c>
      <c r="I173" s="31">
        <v>293083.95</v>
      </c>
      <c r="J173" s="31">
        <v>293083.95</v>
      </c>
      <c r="K173" s="31">
        <v>293083.95</v>
      </c>
      <c r="L173" s="31">
        <v>293083.95</v>
      </c>
      <c r="M173" s="31">
        <v>293083.95</v>
      </c>
      <c r="N173" s="31">
        <v>293083.95</v>
      </c>
      <c r="O173" s="31">
        <v>293083.95</v>
      </c>
      <c r="P173" s="31">
        <v>293083.95</v>
      </c>
      <c r="Q173" s="31">
        <v>293083.95</v>
      </c>
      <c r="R173" s="31">
        <v>293083.95</v>
      </c>
      <c r="S173" s="31">
        <v>293083.95</v>
      </c>
      <c r="T173" s="31">
        <v>293083.95</v>
      </c>
      <c r="U173" s="31">
        <v>293083.95</v>
      </c>
      <c r="V173" s="31">
        <v>293083.95</v>
      </c>
      <c r="W173" s="31">
        <v>293083.95</v>
      </c>
    </row>
    <row r="174" spans="1:23">
      <c r="A174" s="21" t="s">
        <v>46</v>
      </c>
      <c r="B174" s="31">
        <v>241987.55</v>
      </c>
      <c r="C174" s="22">
        <v>7</v>
      </c>
      <c r="D174" s="23">
        <v>0</v>
      </c>
      <c r="E174" s="31">
        <v>822709.27249</v>
      </c>
      <c r="F174" s="31">
        <v>241987.55</v>
      </c>
      <c r="G174" s="31">
        <v>241987.55</v>
      </c>
      <c r="H174" s="31">
        <v>241987.55</v>
      </c>
      <c r="I174" s="31">
        <v>241987.55</v>
      </c>
      <c r="J174" s="31">
        <v>241987.55</v>
      </c>
      <c r="K174" s="31">
        <v>241987.55</v>
      </c>
      <c r="L174" s="31">
        <v>241987.55</v>
      </c>
      <c r="M174" s="31">
        <v>241987.55</v>
      </c>
      <c r="N174" s="31">
        <v>241987.55</v>
      </c>
      <c r="O174" s="31">
        <v>241987.55</v>
      </c>
      <c r="P174" s="31">
        <v>241987.55</v>
      </c>
      <c r="Q174" s="31">
        <v>241987.55</v>
      </c>
      <c r="R174" s="31">
        <v>241987.55</v>
      </c>
      <c r="S174" s="31">
        <v>241987.55</v>
      </c>
      <c r="T174" s="31">
        <v>241987.55</v>
      </c>
      <c r="U174" s="31">
        <v>241987.55</v>
      </c>
      <c r="V174" s="31">
        <v>241987.55</v>
      </c>
      <c r="W174" s="31">
        <v>241987.55</v>
      </c>
    </row>
    <row r="175" spans="1:23">
      <c r="A175" s="21" t="s">
        <v>47</v>
      </c>
      <c r="B175" s="31">
        <v>308113.28999999998</v>
      </c>
      <c r="C175" s="22">
        <v>10</v>
      </c>
      <c r="D175" s="23">
        <v>0</v>
      </c>
      <c r="E175" s="31">
        <v>1324856.3356710002</v>
      </c>
      <c r="F175" s="31">
        <v>308113.28999999998</v>
      </c>
      <c r="G175" s="31">
        <v>308113.28999999998</v>
      </c>
      <c r="H175" s="31">
        <v>308113.28999999998</v>
      </c>
      <c r="I175" s="31">
        <v>308113.28999999998</v>
      </c>
      <c r="J175" s="31">
        <v>308113.28999999998</v>
      </c>
      <c r="K175" s="31">
        <v>308113.28999999998</v>
      </c>
      <c r="L175" s="31">
        <v>308113.28999999998</v>
      </c>
      <c r="M175" s="31">
        <v>308113.28999999998</v>
      </c>
      <c r="N175" s="31">
        <v>308113.28999999998</v>
      </c>
      <c r="O175" s="31">
        <v>308113.28999999998</v>
      </c>
      <c r="P175" s="31">
        <v>308113.28999999998</v>
      </c>
      <c r="Q175" s="31">
        <v>308113.28999999998</v>
      </c>
      <c r="R175" s="31">
        <v>308113.28999999998</v>
      </c>
      <c r="S175" s="31">
        <v>308113.28999999998</v>
      </c>
      <c r="T175" s="31">
        <v>308113.28999999998</v>
      </c>
      <c r="U175" s="31">
        <v>308113.28999999998</v>
      </c>
      <c r="V175" s="31">
        <v>308113.28999999998</v>
      </c>
      <c r="W175" s="31">
        <v>308113.28999999998</v>
      </c>
    </row>
    <row r="176" spans="1:23">
      <c r="A176" s="21" t="s">
        <v>48</v>
      </c>
      <c r="B176" s="31">
        <v>471388.5</v>
      </c>
      <c r="C176" s="22">
        <v>10</v>
      </c>
      <c r="D176" s="23">
        <v>0</v>
      </c>
      <c r="E176" s="31">
        <v>2026923.4111500005</v>
      </c>
      <c r="F176" s="31">
        <v>471388.5</v>
      </c>
      <c r="G176" s="31">
        <v>471388.5</v>
      </c>
      <c r="H176" s="31">
        <v>471388.5</v>
      </c>
      <c r="I176" s="31">
        <v>471388.5</v>
      </c>
      <c r="J176" s="31">
        <v>471388.5</v>
      </c>
      <c r="K176" s="31">
        <v>471388.5</v>
      </c>
      <c r="L176" s="31">
        <v>471388.5</v>
      </c>
      <c r="M176" s="31">
        <v>471388.5</v>
      </c>
      <c r="N176" s="31">
        <v>471388.5</v>
      </c>
      <c r="O176" s="31">
        <v>471388.5</v>
      </c>
      <c r="P176" s="31">
        <v>471388.5</v>
      </c>
      <c r="Q176" s="31">
        <v>471388.5</v>
      </c>
      <c r="R176" s="31">
        <v>471388.5</v>
      </c>
      <c r="S176" s="31">
        <v>471388.5</v>
      </c>
      <c r="T176" s="31">
        <v>471388.5</v>
      </c>
      <c r="U176" s="31">
        <v>471388.5</v>
      </c>
      <c r="V176" s="31">
        <v>471388.5</v>
      </c>
      <c r="W176" s="31">
        <v>471388.5</v>
      </c>
    </row>
    <row r="177" spans="1:23">
      <c r="A177" s="21" t="s">
        <v>49</v>
      </c>
      <c r="B177" s="31">
        <v>565666.19999999995</v>
      </c>
      <c r="C177" s="22">
        <v>10</v>
      </c>
      <c r="D177" s="23">
        <v>0</v>
      </c>
      <c r="E177" s="31">
        <v>2432308.0933800004</v>
      </c>
      <c r="F177" s="31">
        <v>565666.19999999995</v>
      </c>
      <c r="G177" s="31">
        <v>565666.19999999995</v>
      </c>
      <c r="H177" s="31">
        <v>565666.19999999995</v>
      </c>
      <c r="I177" s="31">
        <v>565666.19999999995</v>
      </c>
      <c r="J177" s="31">
        <v>565666.19999999995</v>
      </c>
      <c r="K177" s="31">
        <v>565666.19999999995</v>
      </c>
      <c r="L177" s="31">
        <v>565666.19999999995</v>
      </c>
      <c r="M177" s="31">
        <v>565666.19999999995</v>
      </c>
      <c r="N177" s="31">
        <v>565666.19999999995</v>
      </c>
      <c r="O177" s="31">
        <v>565666.19999999995</v>
      </c>
      <c r="P177" s="31">
        <v>565666.19999999995</v>
      </c>
      <c r="Q177" s="31">
        <v>565666.19999999995</v>
      </c>
      <c r="R177" s="31">
        <v>565666.19999999995</v>
      </c>
      <c r="S177" s="31">
        <v>565666.19999999995</v>
      </c>
      <c r="T177" s="31">
        <v>565666.19999999995</v>
      </c>
      <c r="U177" s="31">
        <v>565666.19999999995</v>
      </c>
      <c r="V177" s="31">
        <v>565666.19999999995</v>
      </c>
      <c r="W177" s="31">
        <v>565666.19999999995</v>
      </c>
    </row>
    <row r="178" spans="1:23">
      <c r="A178" s="21" t="s">
        <v>50</v>
      </c>
      <c r="B178" s="31">
        <v>827854.6</v>
      </c>
      <c r="C178" s="33">
        <v>10</v>
      </c>
      <c r="D178" s="23">
        <v>0</v>
      </c>
      <c r="E178" s="31">
        <v>3559691.9945400008</v>
      </c>
      <c r="F178" s="31">
        <v>827854.6</v>
      </c>
      <c r="G178" s="31">
        <v>827854.6</v>
      </c>
      <c r="H178" s="31">
        <v>827854.6</v>
      </c>
      <c r="I178" s="31">
        <v>827854.6</v>
      </c>
      <c r="J178" s="31">
        <v>827854.6</v>
      </c>
      <c r="K178" s="31">
        <v>827854.6</v>
      </c>
      <c r="L178" s="31">
        <v>827854.6</v>
      </c>
      <c r="M178" s="31">
        <v>827854.6</v>
      </c>
      <c r="N178" s="31">
        <v>827854.6</v>
      </c>
      <c r="O178" s="31">
        <v>827854.6</v>
      </c>
      <c r="P178" s="31">
        <v>827854.6</v>
      </c>
      <c r="Q178" s="31">
        <v>827854.6</v>
      </c>
      <c r="R178" s="31">
        <v>827854.6</v>
      </c>
      <c r="S178" s="31">
        <v>827854.6</v>
      </c>
      <c r="T178" s="31">
        <v>827854.6</v>
      </c>
      <c r="U178" s="31">
        <v>827854.6</v>
      </c>
      <c r="V178" s="31">
        <v>827854.6</v>
      </c>
      <c r="W178" s="31">
        <v>827854.6</v>
      </c>
    </row>
    <row r="179" spans="1:23">
      <c r="A179" s="21" t="s">
        <v>51</v>
      </c>
      <c r="B179" s="31">
        <v>853141.58</v>
      </c>
      <c r="C179" s="33" t="s">
        <v>52</v>
      </c>
      <c r="D179" s="23">
        <v>0</v>
      </c>
      <c r="E179" s="31">
        <v>7205121.8997319993</v>
      </c>
      <c r="F179" s="31">
        <v>0</v>
      </c>
      <c r="G179" s="31">
        <v>0</v>
      </c>
      <c r="H179" s="31">
        <v>0</v>
      </c>
      <c r="I179" s="31">
        <v>0</v>
      </c>
      <c r="J179" s="31">
        <v>0</v>
      </c>
      <c r="K179" s="31">
        <v>853141.58</v>
      </c>
      <c r="L179" s="31">
        <v>853141.58</v>
      </c>
      <c r="M179" s="31">
        <v>853141.58</v>
      </c>
      <c r="N179" s="31">
        <v>853141.58</v>
      </c>
      <c r="O179" s="31">
        <v>5118849.4799999995</v>
      </c>
      <c r="P179" s="31">
        <v>0</v>
      </c>
      <c r="Q179" s="31">
        <v>0</v>
      </c>
      <c r="R179" s="31">
        <v>0</v>
      </c>
      <c r="S179" s="31">
        <v>0</v>
      </c>
      <c r="T179" s="31">
        <v>0</v>
      </c>
      <c r="U179" s="31">
        <v>853141.58</v>
      </c>
      <c r="V179" s="31">
        <v>853141.58</v>
      </c>
      <c r="W179" s="31">
        <v>853141.58</v>
      </c>
    </row>
    <row r="180" spans="1:23">
      <c r="A180" s="21" t="s">
        <v>53</v>
      </c>
      <c r="B180" s="31">
        <v>888255.89</v>
      </c>
      <c r="C180" s="33" t="s">
        <v>52</v>
      </c>
      <c r="D180" s="23">
        <v>0</v>
      </c>
      <c r="E180" s="31">
        <v>7501676.2934059994</v>
      </c>
      <c r="F180" s="31">
        <v>0</v>
      </c>
      <c r="G180" s="31">
        <v>0</v>
      </c>
      <c r="H180" s="31">
        <v>0</v>
      </c>
      <c r="I180" s="31">
        <v>0</v>
      </c>
      <c r="J180" s="31">
        <v>0</v>
      </c>
      <c r="K180" s="31">
        <v>888255.89</v>
      </c>
      <c r="L180" s="31">
        <v>888255.89</v>
      </c>
      <c r="M180" s="31">
        <v>888255.89</v>
      </c>
      <c r="N180" s="31">
        <v>888255.89</v>
      </c>
      <c r="O180" s="31">
        <v>5329535.34</v>
      </c>
      <c r="P180" s="31">
        <v>0</v>
      </c>
      <c r="Q180" s="31">
        <v>0</v>
      </c>
      <c r="R180" s="31">
        <v>0</v>
      </c>
      <c r="S180" s="31">
        <v>0</v>
      </c>
      <c r="T180" s="31">
        <v>0</v>
      </c>
      <c r="U180" s="31">
        <v>888255.89</v>
      </c>
      <c r="V180" s="31">
        <v>888255.89</v>
      </c>
      <c r="W180" s="31">
        <v>888255.89</v>
      </c>
    </row>
    <row r="181" spans="1:23">
      <c r="A181" s="25" t="s">
        <v>54</v>
      </c>
      <c r="B181" s="34">
        <v>1082767.73</v>
      </c>
      <c r="C181" s="35">
        <v>10</v>
      </c>
      <c r="D181" s="36">
        <v>0</v>
      </c>
      <c r="E181" s="34">
        <v>4655792.9622270009</v>
      </c>
      <c r="F181" s="34">
        <v>1082767.73</v>
      </c>
      <c r="G181" s="34">
        <v>1082767.73</v>
      </c>
      <c r="H181" s="34">
        <v>1082767.73</v>
      </c>
      <c r="I181" s="34">
        <v>1082767.73</v>
      </c>
      <c r="J181" s="34">
        <v>1082767.73</v>
      </c>
      <c r="K181" s="34">
        <v>1082767.73</v>
      </c>
      <c r="L181" s="34">
        <v>1082767.73</v>
      </c>
      <c r="M181" s="34">
        <v>1082767.73</v>
      </c>
      <c r="N181" s="34">
        <v>1082767.73</v>
      </c>
      <c r="O181" s="34">
        <v>1082767.73</v>
      </c>
      <c r="P181" s="34">
        <v>1082767.73</v>
      </c>
      <c r="Q181" s="34">
        <v>1082767.73</v>
      </c>
      <c r="R181" s="34">
        <v>1082767.73</v>
      </c>
      <c r="S181" s="34">
        <v>1082767.73</v>
      </c>
      <c r="T181" s="34">
        <v>1082767.73</v>
      </c>
      <c r="U181" s="34">
        <v>1082767.73</v>
      </c>
      <c r="V181" s="34">
        <v>1082767.73</v>
      </c>
      <c r="W181" s="34">
        <v>1082767.73</v>
      </c>
    </row>
    <row r="182" spans="1:23">
      <c r="B182" s="37"/>
      <c r="E182" s="37"/>
      <c r="F182" s="37"/>
      <c r="G182" s="37"/>
      <c r="H182" s="37"/>
      <c r="I182" s="37"/>
      <c r="J182" s="37"/>
      <c r="K182" s="37"/>
      <c r="L182" s="37"/>
      <c r="M182" s="37"/>
      <c r="N182" s="37"/>
      <c r="O182" s="37"/>
      <c r="P182" s="37"/>
      <c r="Q182" s="37"/>
      <c r="R182" s="37"/>
      <c r="S182" s="37"/>
      <c r="T182" s="37"/>
      <c r="U182" s="37"/>
      <c r="V182" s="37"/>
      <c r="W182" s="37"/>
    </row>
    <row r="183" spans="1:23">
      <c r="B183" s="37"/>
      <c r="E183" s="37"/>
      <c r="F183" s="37"/>
      <c r="G183" s="37"/>
      <c r="H183" s="37"/>
      <c r="I183" s="37"/>
      <c r="J183" s="37"/>
      <c r="K183" s="37"/>
      <c r="L183" s="37"/>
      <c r="M183" s="37"/>
      <c r="N183" s="37"/>
      <c r="O183" s="37"/>
      <c r="P183" s="37"/>
      <c r="Q183" s="37"/>
      <c r="R183" s="37"/>
      <c r="S183" s="37"/>
      <c r="T183" s="37"/>
      <c r="U183" s="37"/>
      <c r="V183" s="37"/>
      <c r="W183" s="37"/>
    </row>
    <row r="184" spans="1:23" ht="18">
      <c r="A184" s="165" t="s">
        <v>150</v>
      </c>
      <c r="B184" s="37"/>
      <c r="E184" s="37"/>
      <c r="F184" s="37"/>
      <c r="G184" s="37"/>
      <c r="H184" s="37"/>
      <c r="I184" s="37"/>
      <c r="J184" s="37"/>
      <c r="K184" s="37"/>
      <c r="L184" s="37"/>
      <c r="M184" s="37"/>
      <c r="N184" s="37"/>
      <c r="O184" s="37"/>
      <c r="P184" s="37"/>
      <c r="Q184" s="37"/>
      <c r="R184" s="37"/>
      <c r="S184" s="37"/>
      <c r="T184" s="37"/>
      <c r="U184" s="37"/>
      <c r="V184" s="37"/>
      <c r="W184" s="37"/>
    </row>
    <row r="185" spans="1:23">
      <c r="A185" s="28" t="s">
        <v>41</v>
      </c>
      <c r="B185" s="29"/>
      <c r="C185" s="19"/>
      <c r="D185" s="29"/>
      <c r="E185" s="29"/>
      <c r="F185" s="30" t="s">
        <v>3</v>
      </c>
      <c r="G185" s="30" t="s">
        <v>4</v>
      </c>
      <c r="H185" s="30" t="s">
        <v>5</v>
      </c>
      <c r="I185" s="30" t="s">
        <v>6</v>
      </c>
      <c r="J185" s="30" t="s">
        <v>7</v>
      </c>
      <c r="K185" s="30" t="s">
        <v>8</v>
      </c>
      <c r="L185" s="30" t="s">
        <v>9</v>
      </c>
      <c r="M185" s="30" t="s">
        <v>10</v>
      </c>
      <c r="N185" s="30" t="s">
        <v>11</v>
      </c>
      <c r="O185" s="30" t="s">
        <v>12</v>
      </c>
      <c r="P185" s="30" t="s">
        <v>13</v>
      </c>
      <c r="Q185" s="30" t="s">
        <v>14</v>
      </c>
      <c r="R185" s="30" t="s">
        <v>15</v>
      </c>
      <c r="S185" s="30" t="s">
        <v>16</v>
      </c>
      <c r="T185" s="30" t="s">
        <v>17</v>
      </c>
      <c r="U185" s="30" t="s">
        <v>18</v>
      </c>
      <c r="V185" s="30" t="s">
        <v>19</v>
      </c>
      <c r="W185" s="30" t="s">
        <v>20</v>
      </c>
    </row>
    <row r="186" spans="1:23">
      <c r="A186" s="21" t="s">
        <v>45</v>
      </c>
      <c r="B186" s="31"/>
      <c r="C186" s="22"/>
      <c r="D186" s="23"/>
      <c r="E186" s="23"/>
      <c r="F186" s="31">
        <v>189034.75149075006</v>
      </c>
      <c r="G186" s="31">
        <v>247651.54149075007</v>
      </c>
      <c r="H186" s="31">
        <v>306268.33149075008</v>
      </c>
      <c r="I186" s="31">
        <v>364885.12149075005</v>
      </c>
      <c r="J186" s="31">
        <v>423501.91149075003</v>
      </c>
      <c r="K186" s="31">
        <v>293083.95</v>
      </c>
      <c r="L186" s="31">
        <v>293083.95</v>
      </c>
      <c r="M186" s="31">
        <v>293083.95</v>
      </c>
      <c r="N186" s="31">
        <v>293083.95</v>
      </c>
      <c r="O186" s="31">
        <v>293083.95</v>
      </c>
      <c r="P186" s="31">
        <v>293083.95</v>
      </c>
      <c r="Q186" s="31">
        <v>293083.95</v>
      </c>
      <c r="R186" s="31">
        <v>293083.95</v>
      </c>
      <c r="S186" s="31">
        <v>293083.95</v>
      </c>
      <c r="T186" s="31">
        <v>293083.95</v>
      </c>
      <c r="U186" s="31">
        <v>293083.95</v>
      </c>
      <c r="V186" s="31">
        <v>293083.95</v>
      </c>
      <c r="W186" s="31">
        <v>293083.95</v>
      </c>
    </row>
    <row r="187" spans="1:23">
      <c r="A187" s="21" t="s">
        <v>46</v>
      </c>
      <c r="B187" s="31"/>
      <c r="C187" s="22"/>
      <c r="D187" s="23"/>
      <c r="E187" s="23"/>
      <c r="F187" s="31">
        <v>123406.3908735</v>
      </c>
      <c r="G187" s="31">
        <v>171803.90087349998</v>
      </c>
      <c r="H187" s="31">
        <v>220201.41087349999</v>
      </c>
      <c r="I187" s="31">
        <v>268598.9208735</v>
      </c>
      <c r="J187" s="31">
        <v>316996.43087350001</v>
      </c>
      <c r="K187" s="31">
        <v>241987.55</v>
      </c>
      <c r="L187" s="31">
        <v>241987.55</v>
      </c>
      <c r="M187" s="31">
        <v>241987.55</v>
      </c>
      <c r="N187" s="31">
        <v>241987.55</v>
      </c>
      <c r="O187" s="31">
        <v>241987.55</v>
      </c>
      <c r="P187" s="31">
        <v>241987.55</v>
      </c>
      <c r="Q187" s="31">
        <v>241987.55</v>
      </c>
      <c r="R187" s="31">
        <v>241987.55</v>
      </c>
      <c r="S187" s="31">
        <v>241987.55</v>
      </c>
      <c r="T187" s="31">
        <v>241987.55</v>
      </c>
      <c r="U187" s="31">
        <v>241987.55</v>
      </c>
      <c r="V187" s="31">
        <v>241987.55</v>
      </c>
      <c r="W187" s="31">
        <v>241987.55</v>
      </c>
    </row>
    <row r="188" spans="1:23">
      <c r="A188" s="21" t="s">
        <v>47</v>
      </c>
      <c r="B188" s="31"/>
      <c r="C188" s="22"/>
      <c r="D188" s="23"/>
      <c r="E188" s="23"/>
      <c r="F188" s="31">
        <v>198728.45035065003</v>
      </c>
      <c r="G188" s="31">
        <v>260351.10835065003</v>
      </c>
      <c r="H188" s="31">
        <v>321973.76635065</v>
      </c>
      <c r="I188" s="31">
        <v>383596.42435064999</v>
      </c>
      <c r="J188" s="31">
        <v>445219.08235064999</v>
      </c>
      <c r="K188" s="31">
        <v>308113.28999999998</v>
      </c>
      <c r="L188" s="31">
        <v>308113.28999999998</v>
      </c>
      <c r="M188" s="31">
        <v>308113.28999999998</v>
      </c>
      <c r="N188" s="31">
        <v>308113.28999999998</v>
      </c>
      <c r="O188" s="31">
        <v>308113.28999999998</v>
      </c>
      <c r="P188" s="31">
        <v>308113.28999999998</v>
      </c>
      <c r="Q188" s="31">
        <v>308113.28999999998</v>
      </c>
      <c r="R188" s="31">
        <v>308113.28999999998</v>
      </c>
      <c r="S188" s="31">
        <v>308113.28999999998</v>
      </c>
      <c r="T188" s="31">
        <v>308113.28999999998</v>
      </c>
      <c r="U188" s="31">
        <v>308113.28999999998</v>
      </c>
      <c r="V188" s="31">
        <v>308113.28999999998</v>
      </c>
      <c r="W188" s="31">
        <v>308113.28999999998</v>
      </c>
    </row>
    <row r="189" spans="1:23">
      <c r="A189" s="21" t="s">
        <v>48</v>
      </c>
      <c r="B189" s="31"/>
      <c r="C189" s="22"/>
      <c r="D189" s="23"/>
      <c r="E189" s="23"/>
      <c r="F189" s="31">
        <v>304038.51167250006</v>
      </c>
      <c r="G189" s="31">
        <v>398316.21167250007</v>
      </c>
      <c r="H189" s="31">
        <v>492593.91167250008</v>
      </c>
      <c r="I189" s="31">
        <v>586871.61167250003</v>
      </c>
      <c r="J189" s="31">
        <v>681149.31167249999</v>
      </c>
      <c r="K189" s="31">
        <v>471388.5</v>
      </c>
      <c r="L189" s="31">
        <v>471388.5</v>
      </c>
      <c r="M189" s="31">
        <v>471388.5</v>
      </c>
      <c r="N189" s="31">
        <v>471388.5</v>
      </c>
      <c r="O189" s="31">
        <v>471388.5</v>
      </c>
      <c r="P189" s="31">
        <v>471388.5</v>
      </c>
      <c r="Q189" s="31">
        <v>471388.5</v>
      </c>
      <c r="R189" s="31">
        <v>471388.5</v>
      </c>
      <c r="S189" s="31">
        <v>471388.5</v>
      </c>
      <c r="T189" s="31">
        <v>471388.5</v>
      </c>
      <c r="U189" s="31">
        <v>471388.5</v>
      </c>
      <c r="V189" s="31">
        <v>471388.5</v>
      </c>
      <c r="W189" s="31">
        <v>471388.5</v>
      </c>
    </row>
    <row r="190" spans="1:23">
      <c r="A190" s="21" t="s">
        <v>49</v>
      </c>
      <c r="B190" s="31"/>
      <c r="C190" s="22"/>
      <c r="D190" s="23"/>
      <c r="E190" s="23"/>
      <c r="F190" s="31">
        <v>364846.21400700009</v>
      </c>
      <c r="G190" s="31">
        <v>477979.45400700008</v>
      </c>
      <c r="H190" s="31">
        <v>591112.69400700007</v>
      </c>
      <c r="I190" s="31">
        <v>704245.93400700006</v>
      </c>
      <c r="J190" s="31">
        <v>817379.17400700005</v>
      </c>
      <c r="K190" s="31">
        <v>565666.19999999995</v>
      </c>
      <c r="L190" s="31">
        <v>565666.19999999995</v>
      </c>
      <c r="M190" s="31">
        <v>565666.19999999995</v>
      </c>
      <c r="N190" s="31">
        <v>565666.19999999995</v>
      </c>
      <c r="O190" s="31">
        <v>565666.19999999995</v>
      </c>
      <c r="P190" s="31">
        <v>565666.19999999995</v>
      </c>
      <c r="Q190" s="31">
        <v>565666.19999999995</v>
      </c>
      <c r="R190" s="31">
        <v>565666.19999999995</v>
      </c>
      <c r="S190" s="31">
        <v>565666.19999999995</v>
      </c>
      <c r="T190" s="31">
        <v>565666.19999999995</v>
      </c>
      <c r="U190" s="31">
        <v>565666.19999999995</v>
      </c>
      <c r="V190" s="31">
        <v>565666.19999999995</v>
      </c>
      <c r="W190" s="31">
        <v>565666.19999999995</v>
      </c>
    </row>
    <row r="191" spans="1:23">
      <c r="A191" s="21" t="s">
        <v>50</v>
      </c>
      <c r="B191" s="31"/>
      <c r="C191" s="22"/>
      <c r="D191" s="23"/>
      <c r="E191" s="23"/>
      <c r="F191" s="31">
        <v>533953.7991810001</v>
      </c>
      <c r="G191" s="31">
        <v>699524.71918100002</v>
      </c>
      <c r="H191" s="31">
        <v>865095.63918099995</v>
      </c>
      <c r="I191" s="31">
        <v>1030666.5591809999</v>
      </c>
      <c r="J191" s="31">
        <v>1196237.4791809998</v>
      </c>
      <c r="K191" s="31">
        <v>827854.59999999986</v>
      </c>
      <c r="L191" s="31">
        <v>827854.59999999986</v>
      </c>
      <c r="M191" s="31">
        <v>827854.59999999986</v>
      </c>
      <c r="N191" s="31">
        <v>827854.59999999986</v>
      </c>
      <c r="O191" s="31">
        <v>827854.59999999986</v>
      </c>
      <c r="P191" s="31">
        <v>827854.59999999986</v>
      </c>
      <c r="Q191" s="31">
        <v>827854.59999999986</v>
      </c>
      <c r="R191" s="31">
        <v>827854.59999999986</v>
      </c>
      <c r="S191" s="31">
        <v>827854.59999999986</v>
      </c>
      <c r="T191" s="31">
        <v>827854.59999999986</v>
      </c>
      <c r="U191" s="31">
        <v>827854.59999999986</v>
      </c>
      <c r="V191" s="31">
        <v>827854.59999999986</v>
      </c>
      <c r="W191" s="31">
        <v>827854.59999999986</v>
      </c>
    </row>
    <row r="192" spans="1:23">
      <c r="A192" s="21" t="s">
        <v>51</v>
      </c>
      <c r="B192" s="31"/>
      <c r="C192" s="22"/>
      <c r="D192" s="23"/>
      <c r="E192" s="23"/>
      <c r="F192" s="31">
        <v>1080768.2849597998</v>
      </c>
      <c r="G192" s="31">
        <v>1080768.2849597998</v>
      </c>
      <c r="H192" s="31">
        <v>1080768.2849597998</v>
      </c>
      <c r="I192" s="31">
        <v>1080768.2849597998</v>
      </c>
      <c r="J192" s="31">
        <v>1080768.2849597998</v>
      </c>
      <c r="K192" s="31">
        <v>0</v>
      </c>
      <c r="L192" s="31">
        <v>170628.31599999999</v>
      </c>
      <c r="M192" s="31">
        <v>341256.63199999998</v>
      </c>
      <c r="N192" s="31">
        <v>511884.94799999997</v>
      </c>
      <c r="O192" s="31">
        <v>682513.26399999997</v>
      </c>
      <c r="P192" s="31">
        <v>1706283.16</v>
      </c>
      <c r="Q192" s="31">
        <v>1535654.844</v>
      </c>
      <c r="R192" s="31">
        <v>1365026.5279999999</v>
      </c>
      <c r="S192" s="31">
        <v>1194398.2119999998</v>
      </c>
      <c r="T192" s="31">
        <v>1023769.8959999999</v>
      </c>
      <c r="U192" s="31">
        <v>0</v>
      </c>
      <c r="V192" s="31">
        <v>170628.31599999999</v>
      </c>
      <c r="W192" s="31">
        <v>341256.63199999998</v>
      </c>
    </row>
    <row r="193" spans="1:23">
      <c r="A193" s="21" t="s">
        <v>53</v>
      </c>
      <c r="B193" s="31"/>
      <c r="C193" s="22"/>
      <c r="D193" s="23"/>
      <c r="E193" s="23"/>
      <c r="F193" s="31">
        <v>1125251.4440108999</v>
      </c>
      <c r="G193" s="31">
        <v>1125251.4440108999</v>
      </c>
      <c r="H193" s="31">
        <v>1125251.4440108999</v>
      </c>
      <c r="I193" s="31">
        <v>1125251.4440108999</v>
      </c>
      <c r="J193" s="31">
        <v>1125251.4440108999</v>
      </c>
      <c r="K193" s="31">
        <v>0</v>
      </c>
      <c r="L193" s="31">
        <v>177651.17800000001</v>
      </c>
      <c r="M193" s="31">
        <v>355302.35600000003</v>
      </c>
      <c r="N193" s="31">
        <v>532953.53399999999</v>
      </c>
      <c r="O193" s="31">
        <v>710604.71200000006</v>
      </c>
      <c r="P193" s="31">
        <v>1776511.78</v>
      </c>
      <c r="Q193" s="31">
        <v>1598860.602</v>
      </c>
      <c r="R193" s="31">
        <v>1421209.4240000001</v>
      </c>
      <c r="S193" s="31">
        <v>1243558.246</v>
      </c>
      <c r="T193" s="31">
        <v>1065907.068</v>
      </c>
      <c r="U193" s="31">
        <v>0</v>
      </c>
      <c r="V193" s="31">
        <v>177651.17800000001</v>
      </c>
      <c r="W193" s="31">
        <v>355302.35600000003</v>
      </c>
    </row>
    <row r="194" spans="1:23">
      <c r="A194" s="25" t="s">
        <v>54</v>
      </c>
      <c r="B194" s="34"/>
      <c r="C194" s="12"/>
      <c r="D194" s="36"/>
      <c r="E194" s="36"/>
      <c r="F194" s="34">
        <v>698368.94433405006</v>
      </c>
      <c r="G194" s="34">
        <v>914922.49033405003</v>
      </c>
      <c r="H194" s="34">
        <v>1131476.0363340501</v>
      </c>
      <c r="I194" s="34">
        <v>1348029.5823340502</v>
      </c>
      <c r="J194" s="34">
        <v>1564583.1283340503</v>
      </c>
      <c r="K194" s="34">
        <v>1082767.73</v>
      </c>
      <c r="L194" s="34">
        <v>1082767.73</v>
      </c>
      <c r="M194" s="34">
        <v>1082767.73</v>
      </c>
      <c r="N194" s="34">
        <v>1082767.73</v>
      </c>
      <c r="O194" s="34">
        <v>1082767.73</v>
      </c>
      <c r="P194" s="31">
        <v>1082767.73</v>
      </c>
      <c r="Q194" s="31">
        <v>1082767.73</v>
      </c>
      <c r="R194" s="31">
        <v>1082767.73</v>
      </c>
      <c r="S194" s="31">
        <v>1082767.73</v>
      </c>
      <c r="T194" s="31">
        <v>1082767.73</v>
      </c>
      <c r="U194" s="31">
        <v>1082767.73</v>
      </c>
      <c r="V194" s="31">
        <v>1082767.73</v>
      </c>
      <c r="W194" s="31">
        <v>1082767.73</v>
      </c>
    </row>
    <row r="195" spans="1:23">
      <c r="B195" s="37"/>
      <c r="F195" s="37"/>
      <c r="G195" s="37"/>
      <c r="H195" s="37"/>
      <c r="I195" s="37"/>
      <c r="J195" s="37"/>
      <c r="K195" s="37"/>
      <c r="L195" s="37"/>
      <c r="M195" s="37"/>
      <c r="N195" s="37"/>
      <c r="O195" s="37"/>
      <c r="P195" s="37"/>
      <c r="Q195" s="37"/>
      <c r="R195" s="37"/>
      <c r="S195" s="37"/>
      <c r="T195" s="37"/>
      <c r="U195" s="37"/>
      <c r="V195" s="37"/>
      <c r="W195" s="37"/>
    </row>
    <row r="196" spans="1:23" ht="18">
      <c r="A196" s="165" t="s">
        <v>151</v>
      </c>
    </row>
    <row r="197" spans="1:23" ht="22.5">
      <c r="A197" s="28" t="s">
        <v>41</v>
      </c>
      <c r="B197" s="29" t="s">
        <v>42</v>
      </c>
      <c r="C197" s="19" t="s">
        <v>43</v>
      </c>
      <c r="D197" s="29" t="s">
        <v>44</v>
      </c>
      <c r="E197" s="30" t="s">
        <v>2</v>
      </c>
      <c r="F197" s="30" t="s">
        <v>3</v>
      </c>
      <c r="G197" s="30" t="s">
        <v>4</v>
      </c>
      <c r="H197" s="30" t="s">
        <v>5</v>
      </c>
      <c r="I197" s="30" t="s">
        <v>6</v>
      </c>
      <c r="J197" s="30" t="s">
        <v>7</v>
      </c>
      <c r="K197" s="30" t="s">
        <v>8</v>
      </c>
      <c r="L197" s="30" t="s">
        <v>9</v>
      </c>
      <c r="M197" s="30" t="s">
        <v>10</v>
      </c>
      <c r="N197" s="30" t="s">
        <v>11</v>
      </c>
      <c r="O197" s="30" t="s">
        <v>12</v>
      </c>
      <c r="P197" s="30" t="s">
        <v>13</v>
      </c>
      <c r="Q197" s="30" t="s">
        <v>14</v>
      </c>
      <c r="R197" s="30" t="s">
        <v>15</v>
      </c>
      <c r="S197" s="30" t="s">
        <v>16</v>
      </c>
      <c r="T197" s="30" t="s">
        <v>17</v>
      </c>
      <c r="U197" s="30" t="s">
        <v>18</v>
      </c>
      <c r="V197" s="30" t="s">
        <v>19</v>
      </c>
      <c r="W197" s="30" t="s">
        <v>20</v>
      </c>
    </row>
    <row r="198" spans="1:23">
      <c r="A198" s="21" t="s">
        <v>45</v>
      </c>
      <c r="B198" s="31">
        <v>293083.95</v>
      </c>
      <c r="C198" s="22">
        <v>10</v>
      </c>
      <c r="D198" s="23">
        <v>0</v>
      </c>
      <c r="E198" s="31"/>
      <c r="F198" s="31">
        <v>12456.067875000001</v>
      </c>
      <c r="G198" s="31">
        <v>12456.067875000001</v>
      </c>
      <c r="H198" s="31">
        <v>12456.067875000001</v>
      </c>
      <c r="I198" s="31">
        <v>12456.067875000001</v>
      </c>
      <c r="J198" s="31">
        <v>12456.067875000001</v>
      </c>
      <c r="K198" s="31">
        <v>12456.067875000001</v>
      </c>
      <c r="L198" s="31">
        <v>12456.067875000001</v>
      </c>
      <c r="M198" s="31">
        <v>12456.067875000001</v>
      </c>
      <c r="N198" s="31">
        <v>12456.067875000001</v>
      </c>
      <c r="O198" s="31">
        <v>12456.067875000001</v>
      </c>
      <c r="P198" s="31">
        <v>12456.067875000001</v>
      </c>
      <c r="Q198" s="31">
        <v>12456.067875000001</v>
      </c>
      <c r="R198" s="31">
        <v>12456.067875000001</v>
      </c>
      <c r="S198" s="31">
        <v>12456.067875000001</v>
      </c>
      <c r="T198" s="31">
        <v>12456.067875000001</v>
      </c>
      <c r="U198" s="31">
        <v>12456.067875000001</v>
      </c>
      <c r="V198" s="31">
        <v>12456.067875000001</v>
      </c>
      <c r="W198" s="31">
        <v>12456.067875000001</v>
      </c>
    </row>
    <row r="199" spans="1:23">
      <c r="A199" s="21" t="s">
        <v>46</v>
      </c>
      <c r="B199" s="31">
        <v>241987.55</v>
      </c>
      <c r="C199" s="22">
        <v>7</v>
      </c>
      <c r="D199" s="23">
        <v>0</v>
      </c>
      <c r="E199" s="31"/>
      <c r="F199" s="31">
        <v>20568.941750000002</v>
      </c>
      <c r="G199" s="31">
        <v>20568.941750000002</v>
      </c>
      <c r="H199" s="31">
        <v>20568.941750000002</v>
      </c>
      <c r="I199" s="31">
        <v>20568.941750000002</v>
      </c>
      <c r="J199" s="31">
        <v>20568.941750000002</v>
      </c>
      <c r="K199" s="31">
        <v>20568.941750000002</v>
      </c>
      <c r="L199" s="31">
        <v>20568.941750000002</v>
      </c>
      <c r="M199" s="31">
        <v>20568.941750000002</v>
      </c>
      <c r="N199" s="31">
        <v>20568.941750000002</v>
      </c>
      <c r="O199" s="31">
        <v>20568.941750000002</v>
      </c>
      <c r="P199" s="31">
        <v>20568.941750000002</v>
      </c>
      <c r="Q199" s="31">
        <v>20568.941750000002</v>
      </c>
      <c r="R199" s="31">
        <v>20568.941750000002</v>
      </c>
      <c r="S199" s="31">
        <v>20568.941750000002</v>
      </c>
      <c r="T199" s="31">
        <v>20568.941750000002</v>
      </c>
      <c r="U199" s="31">
        <v>20568.941750000002</v>
      </c>
      <c r="V199" s="31">
        <v>20568.941750000002</v>
      </c>
      <c r="W199" s="31">
        <v>20568.941750000002</v>
      </c>
    </row>
    <row r="200" spans="1:23">
      <c r="A200" s="21" t="s">
        <v>47</v>
      </c>
      <c r="B200" s="31">
        <v>308113.28999999998</v>
      </c>
      <c r="C200" s="22">
        <v>10</v>
      </c>
      <c r="D200" s="23">
        <v>0</v>
      </c>
      <c r="E200" s="31"/>
      <c r="F200" s="31">
        <v>13094.814824999999</v>
      </c>
      <c r="G200" s="31">
        <v>13094.814824999999</v>
      </c>
      <c r="H200" s="31">
        <v>13094.814824999999</v>
      </c>
      <c r="I200" s="31">
        <v>13094.814824999999</v>
      </c>
      <c r="J200" s="31">
        <v>13094.814824999999</v>
      </c>
      <c r="K200" s="31">
        <v>13094.814824999999</v>
      </c>
      <c r="L200" s="31">
        <v>13094.814824999999</v>
      </c>
      <c r="M200" s="31">
        <v>13094.814824999999</v>
      </c>
      <c r="N200" s="31">
        <v>13094.814824999999</v>
      </c>
      <c r="O200" s="31">
        <v>13094.814824999999</v>
      </c>
      <c r="P200" s="31">
        <v>13094.814824999999</v>
      </c>
      <c r="Q200" s="31">
        <v>13094.814824999999</v>
      </c>
      <c r="R200" s="31">
        <v>13094.814824999999</v>
      </c>
      <c r="S200" s="31">
        <v>13094.814824999999</v>
      </c>
      <c r="T200" s="31">
        <v>13094.814824999999</v>
      </c>
      <c r="U200" s="31">
        <v>13094.814824999999</v>
      </c>
      <c r="V200" s="31">
        <v>13094.814824999999</v>
      </c>
      <c r="W200" s="31">
        <v>13094.814824999999</v>
      </c>
    </row>
    <row r="201" spans="1:23">
      <c r="A201" s="21" t="s">
        <v>48</v>
      </c>
      <c r="B201" s="31">
        <v>471388.5</v>
      </c>
      <c r="C201" s="22">
        <v>10</v>
      </c>
      <c r="D201" s="23">
        <v>0</v>
      </c>
      <c r="E201" s="31"/>
      <c r="F201" s="31">
        <v>20034.011250000003</v>
      </c>
      <c r="G201" s="31">
        <v>20034.011250000003</v>
      </c>
      <c r="H201" s="31">
        <v>20034.011250000003</v>
      </c>
      <c r="I201" s="31">
        <v>20034.011250000003</v>
      </c>
      <c r="J201" s="31">
        <v>20034.011250000003</v>
      </c>
      <c r="K201" s="31">
        <v>20034.011250000003</v>
      </c>
      <c r="L201" s="31">
        <v>20034.011250000003</v>
      </c>
      <c r="M201" s="31">
        <v>20034.011250000003</v>
      </c>
      <c r="N201" s="31">
        <v>20034.011250000003</v>
      </c>
      <c r="O201" s="31">
        <v>20034.011250000003</v>
      </c>
      <c r="P201" s="31">
        <v>20034.011250000003</v>
      </c>
      <c r="Q201" s="31">
        <v>20034.011250000003</v>
      </c>
      <c r="R201" s="31">
        <v>20034.011250000003</v>
      </c>
      <c r="S201" s="31">
        <v>20034.011250000003</v>
      </c>
      <c r="T201" s="31">
        <v>20034.011250000003</v>
      </c>
      <c r="U201" s="31">
        <v>20034.011250000003</v>
      </c>
      <c r="V201" s="31">
        <v>20034.011250000003</v>
      </c>
      <c r="W201" s="31">
        <v>20034.011250000003</v>
      </c>
    </row>
    <row r="202" spans="1:23">
      <c r="A202" s="21" t="s">
        <v>49</v>
      </c>
      <c r="B202" s="31">
        <v>565666.19999999995</v>
      </c>
      <c r="C202" s="22">
        <v>10</v>
      </c>
      <c r="D202" s="23">
        <v>0</v>
      </c>
      <c r="E202" s="31"/>
      <c r="F202" s="31">
        <v>24040.813499999997</v>
      </c>
      <c r="G202" s="31">
        <v>24040.813499999997</v>
      </c>
      <c r="H202" s="31">
        <v>24040.813499999997</v>
      </c>
      <c r="I202" s="31">
        <v>24040.813499999997</v>
      </c>
      <c r="J202" s="31">
        <v>24040.813499999997</v>
      </c>
      <c r="K202" s="31">
        <v>24040.813499999997</v>
      </c>
      <c r="L202" s="31">
        <v>24040.813499999997</v>
      </c>
      <c r="M202" s="31">
        <v>24040.813499999997</v>
      </c>
      <c r="N202" s="31">
        <v>24040.813499999997</v>
      </c>
      <c r="O202" s="31">
        <v>24040.813499999997</v>
      </c>
      <c r="P202" s="31">
        <v>24040.813499999997</v>
      </c>
      <c r="Q202" s="31">
        <v>24040.813499999997</v>
      </c>
      <c r="R202" s="31">
        <v>24040.813499999997</v>
      </c>
      <c r="S202" s="31">
        <v>24040.813499999997</v>
      </c>
      <c r="T202" s="31">
        <v>24040.813499999997</v>
      </c>
      <c r="U202" s="31">
        <v>24040.813499999997</v>
      </c>
      <c r="V202" s="31">
        <v>24040.813499999997</v>
      </c>
      <c r="W202" s="31">
        <v>24040.813499999997</v>
      </c>
    </row>
    <row r="203" spans="1:23">
      <c r="A203" s="21" t="s">
        <v>50</v>
      </c>
      <c r="B203" s="31">
        <v>827854.6</v>
      </c>
      <c r="C203" s="33">
        <v>10</v>
      </c>
      <c r="D203" s="23">
        <v>0</v>
      </c>
      <c r="E203" s="31"/>
      <c r="F203" s="31">
        <v>35183.820500000002</v>
      </c>
      <c r="G203" s="31">
        <v>35183.820500000002</v>
      </c>
      <c r="H203" s="31">
        <v>35183.820500000002</v>
      </c>
      <c r="I203" s="31">
        <v>35183.820500000002</v>
      </c>
      <c r="J203" s="31">
        <v>35183.820500000002</v>
      </c>
      <c r="K203" s="31">
        <v>35183.820500000002</v>
      </c>
      <c r="L203" s="31">
        <v>35183.820500000002</v>
      </c>
      <c r="M203" s="31">
        <v>35183.820500000002</v>
      </c>
      <c r="N203" s="31">
        <v>35183.820500000002</v>
      </c>
      <c r="O203" s="31">
        <v>35183.820500000002</v>
      </c>
      <c r="P203" s="31">
        <v>35183.820500000002</v>
      </c>
      <c r="Q203" s="31">
        <v>35183.820500000002</v>
      </c>
      <c r="R203" s="31">
        <v>35183.820500000002</v>
      </c>
      <c r="S203" s="31">
        <v>35183.820500000002</v>
      </c>
      <c r="T203" s="31">
        <v>35183.820500000002</v>
      </c>
      <c r="U203" s="31">
        <v>35183.820500000002</v>
      </c>
      <c r="V203" s="31">
        <v>35183.820500000002</v>
      </c>
      <c r="W203" s="31">
        <v>35183.820500000002</v>
      </c>
    </row>
    <row r="204" spans="1:23">
      <c r="A204" s="21" t="s">
        <v>51</v>
      </c>
      <c r="B204" s="31">
        <v>853141.58</v>
      </c>
      <c r="C204" s="33" t="s">
        <v>52</v>
      </c>
      <c r="D204" s="23">
        <v>0</v>
      </c>
      <c r="E204" s="31"/>
      <c r="F204" s="31">
        <v>0</v>
      </c>
      <c r="G204" s="31">
        <v>0</v>
      </c>
      <c r="H204" s="31">
        <v>0</v>
      </c>
      <c r="I204" s="31">
        <v>0</v>
      </c>
      <c r="J204" s="31">
        <v>0</v>
      </c>
      <c r="K204" s="31">
        <v>36258.51715</v>
      </c>
      <c r="L204" s="31">
        <v>36258.51715</v>
      </c>
      <c r="M204" s="31">
        <v>36258.51715</v>
      </c>
      <c r="N204" s="31">
        <v>36258.51715</v>
      </c>
      <c r="O204" s="31">
        <v>217551.1029</v>
      </c>
      <c r="P204" s="31">
        <v>0</v>
      </c>
      <c r="Q204" s="31">
        <v>0</v>
      </c>
      <c r="R204" s="31">
        <v>0</v>
      </c>
      <c r="S204" s="31">
        <v>0</v>
      </c>
      <c r="T204" s="31">
        <v>0</v>
      </c>
      <c r="U204" s="31">
        <v>36258.51715</v>
      </c>
      <c r="V204" s="31">
        <v>36258.51715</v>
      </c>
      <c r="W204" s="31">
        <v>36258.51715</v>
      </c>
    </row>
    <row r="205" spans="1:23">
      <c r="A205" s="21" t="s">
        <v>53</v>
      </c>
      <c r="B205" s="31">
        <v>888255.89</v>
      </c>
      <c r="C205" s="33" t="s">
        <v>52</v>
      </c>
      <c r="D205" s="23">
        <v>0</v>
      </c>
      <c r="E205" s="31"/>
      <c r="F205" s="31">
        <v>0</v>
      </c>
      <c r="G205" s="31">
        <v>0</v>
      </c>
      <c r="H205" s="31">
        <v>0</v>
      </c>
      <c r="I205" s="31">
        <v>0</v>
      </c>
      <c r="J205" s="31">
        <v>0</v>
      </c>
      <c r="K205" s="31">
        <v>37750.875325000001</v>
      </c>
      <c r="L205" s="31">
        <v>37750.875325000001</v>
      </c>
      <c r="M205" s="31">
        <v>37750.875325000001</v>
      </c>
      <c r="N205" s="31">
        <v>37750.875325000001</v>
      </c>
      <c r="O205" s="31">
        <v>226505.25195000003</v>
      </c>
      <c r="P205" s="31">
        <v>0</v>
      </c>
      <c r="Q205" s="31">
        <v>0</v>
      </c>
      <c r="R205" s="31">
        <v>0</v>
      </c>
      <c r="S205" s="31">
        <v>0</v>
      </c>
      <c r="T205" s="31">
        <v>0</v>
      </c>
      <c r="U205" s="31">
        <v>37750.875325000001</v>
      </c>
      <c r="V205" s="31">
        <v>37750.875325000001</v>
      </c>
      <c r="W205" s="31">
        <v>37750.875325000001</v>
      </c>
    </row>
    <row r="206" spans="1:23">
      <c r="A206" s="25" t="s">
        <v>54</v>
      </c>
      <c r="B206" s="34">
        <v>1082767.73</v>
      </c>
      <c r="C206" s="35">
        <v>10</v>
      </c>
      <c r="D206" s="36">
        <v>0</v>
      </c>
      <c r="E206" s="34"/>
      <c r="F206" s="34">
        <v>46017.628525</v>
      </c>
      <c r="G206" s="34">
        <v>46017.628525</v>
      </c>
      <c r="H206" s="34">
        <v>46017.628525</v>
      </c>
      <c r="I206" s="34">
        <v>46017.628525</v>
      </c>
      <c r="J206" s="34">
        <v>46017.628525</v>
      </c>
      <c r="K206" s="34">
        <v>46017.628525</v>
      </c>
      <c r="L206" s="34">
        <v>46017.628525</v>
      </c>
      <c r="M206" s="34">
        <v>46017.628525</v>
      </c>
      <c r="N206" s="34">
        <v>46017.628525</v>
      </c>
      <c r="O206" s="34">
        <v>46017.628525</v>
      </c>
      <c r="P206" s="34">
        <v>46017.628525</v>
      </c>
      <c r="Q206" s="34">
        <v>46017.628525</v>
      </c>
      <c r="R206" s="34">
        <v>46017.628525</v>
      </c>
      <c r="S206" s="34">
        <v>46017.628525</v>
      </c>
      <c r="T206" s="34">
        <v>46017.628525</v>
      </c>
      <c r="U206" s="34">
        <v>46017.628525</v>
      </c>
      <c r="V206" s="34">
        <v>46017.628525</v>
      </c>
      <c r="W206" s="34">
        <v>46017.628525</v>
      </c>
    </row>
    <row r="251" spans="10:11" ht="12.75">
      <c r="J251" s="172"/>
      <c r="K251" s="172" t="s">
        <v>177</v>
      </c>
    </row>
  </sheetData>
  <pageMargins left="1.39375" right="0.17" top="0.24" bottom="0.16" header="0.17" footer="0.31496062992125984"/>
  <pageSetup paperSize="9" scale="42" orientation="landscape" r:id="rId1"/>
  <rowBreaks count="2" manualBreakCount="2">
    <brk id="84" max="22" man="1"/>
    <brk id="167" max="22" man="1"/>
  </rowBreaks>
  <drawing r:id="rId2"/>
  <legacyDrawing r:id="rId3"/>
</worksheet>
</file>

<file path=xl/worksheets/sheet4.xml><?xml version="1.0" encoding="utf-8"?>
<worksheet xmlns="http://schemas.openxmlformats.org/spreadsheetml/2006/main" xmlns:r="http://schemas.openxmlformats.org/officeDocument/2006/relationships">
  <sheetPr codeName="Plan10"/>
  <dimension ref="A1:V88"/>
  <sheetViews>
    <sheetView view="pageBreakPreview" topLeftCell="A49" zoomScale="80" zoomScaleNormal="100" zoomScaleSheetLayoutView="80" workbookViewId="0">
      <selection activeCell="K89" sqref="K89"/>
    </sheetView>
  </sheetViews>
  <sheetFormatPr defaultRowHeight="11.25"/>
  <cols>
    <col min="1" max="1" width="34.85546875" style="2" customWidth="1"/>
    <col min="2" max="2" width="11" style="2" bestFit="1" customWidth="1"/>
    <col min="3" max="3" width="11.42578125" style="2" bestFit="1" customWidth="1"/>
    <col min="4" max="22" width="10.5703125" style="2" customWidth="1"/>
    <col min="23" max="23" width="9.140625" style="2"/>
    <col min="24" max="25" width="0" style="2" hidden="1" customWidth="1"/>
    <col min="26" max="16384" width="9.140625" style="2"/>
  </cols>
  <sheetData>
    <row r="1" spans="1:22" ht="18">
      <c r="A1" s="165" t="s">
        <v>55</v>
      </c>
    </row>
    <row r="4" spans="1:22" ht="18">
      <c r="A4" s="165" t="s">
        <v>152</v>
      </c>
    </row>
    <row r="5" spans="1:22" ht="15.75">
      <c r="A5" s="173" t="s">
        <v>46</v>
      </c>
    </row>
    <row r="6" spans="1:22" ht="15.75">
      <c r="A6" s="173" t="s">
        <v>153</v>
      </c>
    </row>
    <row r="7" spans="1:22" ht="12.75">
      <c r="A7" s="174" t="s">
        <v>56</v>
      </c>
      <c r="B7" s="175"/>
      <c r="C7" s="176">
        <v>7</v>
      </c>
    </row>
    <row r="8" spans="1:22" ht="12.75">
      <c r="A8" s="177" t="s">
        <v>58</v>
      </c>
      <c r="B8" s="178"/>
      <c r="C8" s="179">
        <v>40663.082537550981</v>
      </c>
    </row>
    <row r="9" spans="1:22" ht="12.75">
      <c r="A9" s="180"/>
      <c r="B9" s="180"/>
      <c r="C9" s="121"/>
    </row>
    <row r="10" spans="1:22" ht="12.75">
      <c r="A10" s="174" t="s">
        <v>59</v>
      </c>
      <c r="B10" s="175"/>
      <c r="C10" s="181">
        <v>35186.869524382142</v>
      </c>
    </row>
    <row r="11" spans="1:22" ht="12.75">
      <c r="A11" s="174" t="s">
        <v>60</v>
      </c>
      <c r="B11" s="175"/>
      <c r="C11" s="181">
        <v>7150.5055810000003</v>
      </c>
    </row>
    <row r="12" spans="1:22" ht="12.75">
      <c r="A12" s="174" t="s">
        <v>61</v>
      </c>
      <c r="B12" s="175"/>
      <c r="C12" s="182">
        <v>28036.363943382141</v>
      </c>
    </row>
    <row r="13" spans="1:22" ht="12.75">
      <c r="A13" s="174" t="s">
        <v>62</v>
      </c>
      <c r="B13" s="175"/>
      <c r="C13" s="181">
        <v>0</v>
      </c>
    </row>
    <row r="14" spans="1:22">
      <c r="A14" s="45"/>
      <c r="B14" s="45"/>
      <c r="C14" s="48"/>
    </row>
    <row r="15" spans="1:22" ht="18">
      <c r="A15" s="183" t="s">
        <v>154</v>
      </c>
      <c r="C15" s="48"/>
      <c r="D15" s="27"/>
      <c r="V15" s="49" t="s">
        <v>63</v>
      </c>
    </row>
    <row r="16" spans="1:22">
      <c r="A16" s="50"/>
      <c r="B16" s="50" t="s">
        <v>2</v>
      </c>
      <c r="C16" s="50" t="s">
        <v>3</v>
      </c>
      <c r="D16" s="50" t="s">
        <v>4</v>
      </c>
      <c r="E16" s="50" t="s">
        <v>5</v>
      </c>
      <c r="F16" s="50" t="s">
        <v>6</v>
      </c>
      <c r="G16" s="50" t="s">
        <v>7</v>
      </c>
      <c r="H16" s="50" t="s">
        <v>8</v>
      </c>
      <c r="I16" s="50" t="s">
        <v>9</v>
      </c>
      <c r="J16" s="50" t="s">
        <v>10</v>
      </c>
      <c r="K16" s="50" t="s">
        <v>11</v>
      </c>
      <c r="L16" s="50" t="s">
        <v>12</v>
      </c>
      <c r="M16" s="50" t="s">
        <v>13</v>
      </c>
      <c r="N16" s="50" t="s">
        <v>14</v>
      </c>
      <c r="O16" s="50" t="s">
        <v>15</v>
      </c>
      <c r="P16" s="50" t="s">
        <v>16</v>
      </c>
      <c r="Q16" s="50" t="s">
        <v>17</v>
      </c>
      <c r="R16" s="50" t="s">
        <v>18</v>
      </c>
      <c r="S16" s="50" t="s">
        <v>19</v>
      </c>
      <c r="T16" s="50" t="s">
        <v>20</v>
      </c>
      <c r="U16" s="50" t="s">
        <v>21</v>
      </c>
      <c r="V16" s="50" t="s">
        <v>22</v>
      </c>
    </row>
    <row r="17" spans="1:22">
      <c r="A17" s="45" t="s">
        <v>64</v>
      </c>
      <c r="B17" s="45"/>
      <c r="C17" s="48">
        <v>3415698.9331542822</v>
      </c>
      <c r="D17" s="48">
        <v>3415698.9331542822</v>
      </c>
      <c r="E17" s="48">
        <v>3415698.9331542822</v>
      </c>
      <c r="F17" s="48">
        <v>3415698.9331542822</v>
      </c>
      <c r="G17" s="48">
        <v>3415698.9331542822</v>
      </c>
      <c r="H17" s="48">
        <v>3415698.9331542822</v>
      </c>
      <c r="I17" s="48">
        <v>3415698.9331542822</v>
      </c>
      <c r="J17" s="48">
        <v>3415698.9331542822</v>
      </c>
      <c r="K17" s="48">
        <v>3415698.9331542822</v>
      </c>
      <c r="L17" s="48">
        <v>3415698.9331542822</v>
      </c>
      <c r="M17" s="48">
        <v>3415698.9331542822</v>
      </c>
      <c r="N17" s="48">
        <v>3415698.9331542822</v>
      </c>
      <c r="O17" s="48">
        <v>3415698.9331542822</v>
      </c>
      <c r="P17" s="48">
        <v>3415698.9331542822</v>
      </c>
      <c r="Q17" s="48">
        <v>3415698.9331542822</v>
      </c>
      <c r="R17" s="48">
        <v>3415698.9331542822</v>
      </c>
      <c r="S17" s="48">
        <v>3415698.9331542822</v>
      </c>
      <c r="T17" s="48">
        <v>3415698.9331542822</v>
      </c>
      <c r="U17" s="48">
        <v>3415698.9331542822</v>
      </c>
      <c r="V17" s="48">
        <v>3415698.9331542822</v>
      </c>
    </row>
    <row r="18" spans="1:22">
      <c r="A18" s="51" t="s">
        <v>65</v>
      </c>
      <c r="B18" s="51"/>
      <c r="C18" s="52">
        <v>68313.97866308564</v>
      </c>
      <c r="D18" s="52">
        <v>68313.97866308564</v>
      </c>
      <c r="E18" s="52">
        <v>68313.97866308564</v>
      </c>
      <c r="F18" s="52">
        <v>68313.97866308564</v>
      </c>
      <c r="G18" s="52">
        <v>68313.97866308564</v>
      </c>
      <c r="H18" s="52">
        <v>68313.97866308564</v>
      </c>
      <c r="I18" s="52">
        <v>68313.97866308564</v>
      </c>
      <c r="J18" s="52">
        <v>68313.97866308564</v>
      </c>
      <c r="K18" s="52">
        <v>68313.97866308564</v>
      </c>
      <c r="L18" s="52">
        <v>68313.97866308564</v>
      </c>
      <c r="M18" s="52">
        <v>68313.97866308564</v>
      </c>
      <c r="N18" s="52">
        <v>68313.97866308564</v>
      </c>
      <c r="O18" s="52">
        <v>68313.97866308564</v>
      </c>
      <c r="P18" s="52">
        <v>68313.97866308564</v>
      </c>
      <c r="Q18" s="52">
        <v>68313.97866308564</v>
      </c>
      <c r="R18" s="52">
        <v>68313.97866308564</v>
      </c>
      <c r="S18" s="52">
        <v>68313.97866308564</v>
      </c>
      <c r="T18" s="52">
        <v>68313.97866308564</v>
      </c>
      <c r="U18" s="52">
        <v>68313.97866308564</v>
      </c>
      <c r="V18" s="52">
        <v>68313.97866308564</v>
      </c>
    </row>
    <row r="19" spans="1:22">
      <c r="A19" s="45" t="s">
        <v>66</v>
      </c>
      <c r="B19" s="45"/>
      <c r="C19" s="53">
        <v>3347384.9544911967</v>
      </c>
      <c r="D19" s="53">
        <v>3347384.9544911967</v>
      </c>
      <c r="E19" s="53">
        <v>3347384.9544911967</v>
      </c>
      <c r="F19" s="53">
        <v>3347384.9544911967</v>
      </c>
      <c r="G19" s="53">
        <v>3347384.9544911967</v>
      </c>
      <c r="H19" s="53">
        <v>3347384.9544911967</v>
      </c>
      <c r="I19" s="53">
        <v>3347384.9544911967</v>
      </c>
      <c r="J19" s="53">
        <v>3347384.9544911967</v>
      </c>
      <c r="K19" s="53">
        <v>3347384.9544911967</v>
      </c>
      <c r="L19" s="53">
        <v>3347384.9544911967</v>
      </c>
      <c r="M19" s="53">
        <v>3347384.9544911967</v>
      </c>
      <c r="N19" s="53">
        <v>3347384.9544911967</v>
      </c>
      <c r="O19" s="53">
        <v>3347384.9544911967</v>
      </c>
      <c r="P19" s="53">
        <v>3347384.9544911967</v>
      </c>
      <c r="Q19" s="53">
        <v>3347384.9544911967</v>
      </c>
      <c r="R19" s="53">
        <v>3347384.9544911967</v>
      </c>
      <c r="S19" s="53">
        <v>3347384.9544911967</v>
      </c>
      <c r="T19" s="53">
        <v>3347384.9544911967</v>
      </c>
      <c r="U19" s="53">
        <v>3347384.9544911967</v>
      </c>
      <c r="V19" s="53">
        <v>3347384.9544911967</v>
      </c>
    </row>
    <row r="20" spans="1:22">
      <c r="A20" s="45"/>
      <c r="B20" s="45"/>
      <c r="C20" s="45"/>
      <c r="D20" s="45"/>
      <c r="E20" s="45"/>
      <c r="F20" s="45"/>
      <c r="G20" s="45"/>
      <c r="H20" s="45"/>
      <c r="I20" s="45"/>
      <c r="J20" s="45"/>
      <c r="K20" s="45"/>
      <c r="L20" s="45"/>
      <c r="M20" s="45"/>
      <c r="N20" s="45"/>
      <c r="O20" s="45"/>
      <c r="P20" s="45"/>
      <c r="Q20" s="45"/>
      <c r="R20" s="45"/>
      <c r="S20" s="45"/>
      <c r="T20" s="45"/>
      <c r="U20" s="45"/>
      <c r="V20" s="45"/>
    </row>
    <row r="21" spans="1:22">
      <c r="A21" s="51" t="s">
        <v>67</v>
      </c>
      <c r="B21" s="51"/>
      <c r="C21" s="52">
        <v>2960599.2800481003</v>
      </c>
      <c r="D21" s="52">
        <v>2960599.2800481003</v>
      </c>
      <c r="E21" s="52">
        <v>2960599.2800481003</v>
      </c>
      <c r="F21" s="52">
        <v>2965781.2400481002</v>
      </c>
      <c r="G21" s="52">
        <v>2965781.2400481002</v>
      </c>
      <c r="H21" s="52">
        <v>2965781.2400481002</v>
      </c>
      <c r="I21" s="52">
        <v>2965781.2400481002</v>
      </c>
      <c r="J21" s="52">
        <v>2965781.2400481002</v>
      </c>
      <c r="K21" s="52">
        <v>2965781.2400481002</v>
      </c>
      <c r="L21" s="52">
        <v>2965781.2400481002</v>
      </c>
      <c r="M21" s="54">
        <v>2960599.2800481003</v>
      </c>
      <c r="N21" s="54">
        <v>2960599.2800481003</v>
      </c>
      <c r="O21" s="54">
        <v>2960599.2800481003</v>
      </c>
      <c r="P21" s="54">
        <v>2965781.2400481002</v>
      </c>
      <c r="Q21" s="54">
        <v>2965781.2400481002</v>
      </c>
      <c r="R21" s="54">
        <v>2965781.2400481002</v>
      </c>
      <c r="S21" s="54">
        <v>2965781.2400481002</v>
      </c>
      <c r="T21" s="54">
        <v>2965781.2400481002</v>
      </c>
      <c r="U21" s="54">
        <v>2965781.2400481002</v>
      </c>
      <c r="V21" s="54">
        <v>2965781.2400481002</v>
      </c>
    </row>
    <row r="22" spans="1:22">
      <c r="A22" s="45"/>
      <c r="B22" s="45"/>
      <c r="C22" s="45"/>
      <c r="D22" s="45"/>
      <c r="E22" s="45"/>
      <c r="F22" s="45"/>
      <c r="G22" s="45"/>
      <c r="H22" s="45"/>
      <c r="I22" s="45"/>
      <c r="J22" s="45"/>
      <c r="K22" s="45"/>
      <c r="L22" s="45"/>
      <c r="M22" s="45"/>
      <c r="N22" s="45"/>
      <c r="O22" s="45"/>
      <c r="P22" s="45"/>
      <c r="Q22" s="45"/>
      <c r="R22" s="45"/>
      <c r="S22" s="45"/>
      <c r="T22" s="45"/>
      <c r="U22" s="45"/>
      <c r="V22" s="45"/>
    </row>
    <row r="23" spans="1:22">
      <c r="A23" s="45" t="s">
        <v>68</v>
      </c>
      <c r="B23" s="45"/>
      <c r="C23" s="48">
        <v>139366.02065283334</v>
      </c>
      <c r="D23" s="48">
        <v>201765.73003883331</v>
      </c>
      <c r="E23" s="48">
        <v>254933.64850683333</v>
      </c>
      <c r="F23" s="48">
        <v>304899.5505068333</v>
      </c>
      <c r="G23" s="48">
        <v>353297.06050683331</v>
      </c>
      <c r="H23" s="48">
        <v>262406.46148733335</v>
      </c>
      <c r="I23" s="48">
        <v>248404.26210133333</v>
      </c>
      <c r="J23" s="48">
        <v>243633.85363333332</v>
      </c>
      <c r="K23" s="48">
        <v>242065.46163333333</v>
      </c>
      <c r="L23" s="48">
        <v>249765.46163333333</v>
      </c>
      <c r="M23" s="48">
        <v>261027.17977933332</v>
      </c>
      <c r="N23" s="48">
        <v>275029.37916533335</v>
      </c>
      <c r="O23" s="48">
        <v>279799.78763333336</v>
      </c>
      <c r="P23" s="48">
        <v>281368.17963333335</v>
      </c>
      <c r="Q23" s="48">
        <v>273668.17963333335</v>
      </c>
      <c r="R23" s="48">
        <v>262406.46148733335</v>
      </c>
      <c r="S23" s="48">
        <v>248404.26210133333</v>
      </c>
      <c r="T23" s="48">
        <v>243633.85363333332</v>
      </c>
      <c r="U23" s="48">
        <v>242065.46163333333</v>
      </c>
      <c r="V23" s="48">
        <v>242065.46163333333</v>
      </c>
    </row>
    <row r="24" spans="1:22">
      <c r="A24" s="45"/>
      <c r="B24" s="45"/>
      <c r="C24" s="45"/>
      <c r="D24" s="45"/>
      <c r="E24" s="45"/>
      <c r="F24" s="45"/>
      <c r="G24" s="45"/>
      <c r="H24" s="45"/>
      <c r="I24" s="45"/>
      <c r="J24" s="45"/>
      <c r="K24" s="45"/>
      <c r="L24" s="45"/>
      <c r="M24" s="45"/>
      <c r="N24" s="45"/>
      <c r="O24" s="45"/>
      <c r="P24" s="45"/>
      <c r="Q24" s="45"/>
      <c r="R24" s="45"/>
      <c r="S24" s="45"/>
      <c r="T24" s="45"/>
      <c r="U24" s="45"/>
      <c r="V24" s="45"/>
    </row>
    <row r="25" spans="1:22">
      <c r="A25" s="51" t="s">
        <v>69</v>
      </c>
      <c r="B25" s="51"/>
      <c r="C25" s="54">
        <v>247419.65379026305</v>
      </c>
      <c r="D25" s="54">
        <v>185019.94440426308</v>
      </c>
      <c r="E25" s="54">
        <v>131852.02593626306</v>
      </c>
      <c r="F25" s="54">
        <v>76704.163936263125</v>
      </c>
      <c r="G25" s="54">
        <v>28306.653936263116</v>
      </c>
      <c r="H25" s="54">
        <v>119197.25295576308</v>
      </c>
      <c r="I25" s="54">
        <v>133199.4523417631</v>
      </c>
      <c r="J25" s="54">
        <v>137969.86080976311</v>
      </c>
      <c r="K25" s="54">
        <v>139538.2528097631</v>
      </c>
      <c r="L25" s="54">
        <v>131838.2528097631</v>
      </c>
      <c r="M25" s="54">
        <v>125758.49466376306</v>
      </c>
      <c r="N25" s="54">
        <v>111756.29527776304</v>
      </c>
      <c r="O25" s="54">
        <v>106985.88680976303</v>
      </c>
      <c r="P25" s="54">
        <v>100235.53480976308</v>
      </c>
      <c r="Q25" s="54">
        <v>107935.53480976308</v>
      </c>
      <c r="R25" s="54">
        <v>119197.25295576308</v>
      </c>
      <c r="S25" s="54">
        <v>133199.4523417631</v>
      </c>
      <c r="T25" s="54">
        <v>137969.86080976311</v>
      </c>
      <c r="U25" s="54">
        <v>139538.2528097631</v>
      </c>
      <c r="V25" s="54">
        <v>139538.2528097631</v>
      </c>
    </row>
    <row r="26" spans="1:22">
      <c r="A26" s="45"/>
      <c r="B26" s="45"/>
      <c r="C26" s="45"/>
      <c r="D26" s="45"/>
      <c r="E26" s="45"/>
      <c r="F26" s="45"/>
      <c r="G26" s="45"/>
      <c r="H26" s="45"/>
      <c r="I26" s="45"/>
      <c r="J26" s="45"/>
      <c r="K26" s="45"/>
      <c r="L26" s="45"/>
      <c r="M26" s="45"/>
      <c r="N26" s="45"/>
      <c r="O26" s="45"/>
      <c r="P26" s="45"/>
      <c r="Q26" s="45"/>
      <c r="R26" s="45"/>
      <c r="S26" s="45"/>
      <c r="T26" s="45"/>
      <c r="U26" s="45"/>
      <c r="V26" s="45"/>
    </row>
    <row r="27" spans="1:22">
      <c r="A27" s="45" t="s">
        <v>70</v>
      </c>
      <c r="B27" s="45"/>
      <c r="C27" s="48">
        <v>84122.682288689437</v>
      </c>
      <c r="D27" s="48">
        <v>62906.78109744945</v>
      </c>
      <c r="E27" s="48">
        <v>44829.688818329443</v>
      </c>
      <c r="F27" s="48">
        <v>26079.415738329466</v>
      </c>
      <c r="G27" s="48">
        <v>9624.2623383294595</v>
      </c>
      <c r="H27" s="48">
        <v>40527.066004959452</v>
      </c>
      <c r="I27" s="48">
        <v>45287.813796199458</v>
      </c>
      <c r="J27" s="48">
        <v>46909.752675319462</v>
      </c>
      <c r="K27" s="48">
        <v>47443.005955319459</v>
      </c>
      <c r="L27" s="48">
        <v>44825.005955319459</v>
      </c>
      <c r="M27" s="48">
        <v>42757.888185679447</v>
      </c>
      <c r="N27" s="48">
        <v>37997.140394439433</v>
      </c>
      <c r="O27" s="48">
        <v>36375.201515319437</v>
      </c>
      <c r="P27" s="48">
        <v>34080.081835319448</v>
      </c>
      <c r="Q27" s="48">
        <v>36698.081835319448</v>
      </c>
      <c r="R27" s="48">
        <v>40527.066004959452</v>
      </c>
      <c r="S27" s="48">
        <v>45287.813796199458</v>
      </c>
      <c r="T27" s="48">
        <v>46909.752675319462</v>
      </c>
      <c r="U27" s="48">
        <v>47443.005955319459</v>
      </c>
      <c r="V27" s="48">
        <v>47443.005955319459</v>
      </c>
    </row>
    <row r="28" spans="1:22">
      <c r="A28" s="45"/>
      <c r="B28" s="45"/>
      <c r="C28" s="45"/>
      <c r="D28" s="45"/>
      <c r="E28" s="45"/>
      <c r="F28" s="45"/>
      <c r="G28" s="45"/>
      <c r="H28" s="45"/>
      <c r="I28" s="45"/>
      <c r="J28" s="45"/>
      <c r="K28" s="45"/>
      <c r="L28" s="45"/>
      <c r="M28" s="45"/>
      <c r="N28" s="45"/>
      <c r="O28" s="45"/>
      <c r="P28" s="45"/>
      <c r="Q28" s="45"/>
      <c r="R28" s="45"/>
      <c r="S28" s="45"/>
      <c r="T28" s="45"/>
      <c r="U28" s="45"/>
      <c r="V28" s="45"/>
    </row>
    <row r="29" spans="1:22">
      <c r="A29" s="51" t="s">
        <v>71</v>
      </c>
      <c r="B29" s="51"/>
      <c r="C29" s="54">
        <v>163296.97150157363</v>
      </c>
      <c r="D29" s="54">
        <v>122113.16330681363</v>
      </c>
      <c r="E29" s="54">
        <v>87022.33711793361</v>
      </c>
      <c r="F29" s="54">
        <v>50624.748197933659</v>
      </c>
      <c r="G29" s="54">
        <v>18682.391597933656</v>
      </c>
      <c r="H29" s="54">
        <v>78670.186950803618</v>
      </c>
      <c r="I29" s="54">
        <v>87911.638545563648</v>
      </c>
      <c r="J29" s="54">
        <v>91060.108134443639</v>
      </c>
      <c r="K29" s="54">
        <v>92095.246854443641</v>
      </c>
      <c r="L29" s="54">
        <v>87013.246854443641</v>
      </c>
      <c r="M29" s="54">
        <v>83000.606478083617</v>
      </c>
      <c r="N29" s="54">
        <v>73759.154883323616</v>
      </c>
      <c r="O29" s="54">
        <v>70610.685294443596</v>
      </c>
      <c r="P29" s="54">
        <v>66155.45297444363</v>
      </c>
      <c r="Q29" s="54">
        <v>71237.45297444363</v>
      </c>
      <c r="R29" s="54">
        <v>78670.186950803618</v>
      </c>
      <c r="S29" s="54">
        <v>87911.638545563648</v>
      </c>
      <c r="T29" s="54">
        <v>91060.108134443639</v>
      </c>
      <c r="U29" s="54">
        <v>92095.246854443641</v>
      </c>
      <c r="V29" s="54">
        <v>92095.246854443641</v>
      </c>
    </row>
    <row r="30" spans="1:22">
      <c r="A30" s="45"/>
      <c r="B30" s="45"/>
      <c r="C30" s="45"/>
      <c r="D30" s="45"/>
      <c r="E30" s="45"/>
      <c r="F30" s="45"/>
      <c r="G30" s="45"/>
      <c r="H30" s="45"/>
      <c r="I30" s="45"/>
      <c r="J30" s="45"/>
      <c r="K30" s="45"/>
      <c r="L30" s="45"/>
      <c r="M30" s="45"/>
      <c r="N30" s="45"/>
      <c r="O30" s="45"/>
      <c r="P30" s="45"/>
      <c r="Q30" s="45"/>
      <c r="R30" s="45"/>
      <c r="S30" s="45"/>
      <c r="T30" s="45"/>
      <c r="U30" s="45"/>
      <c r="V30" s="45"/>
    </row>
    <row r="31" spans="1:22">
      <c r="A31" s="45" t="s">
        <v>72</v>
      </c>
      <c r="B31" s="45"/>
      <c r="C31" s="48">
        <v>139366.02065283334</v>
      </c>
      <c r="D31" s="48">
        <v>201765.73003883331</v>
      </c>
      <c r="E31" s="48">
        <v>254933.64850683333</v>
      </c>
      <c r="F31" s="48">
        <v>304899.5505068333</v>
      </c>
      <c r="G31" s="48">
        <v>353297.06050683331</v>
      </c>
      <c r="H31" s="48">
        <v>262406.46148733335</v>
      </c>
      <c r="I31" s="48">
        <v>248404.26210133333</v>
      </c>
      <c r="J31" s="48">
        <v>243633.85363333332</v>
      </c>
      <c r="K31" s="48">
        <v>242065.46163333333</v>
      </c>
      <c r="L31" s="48">
        <v>249765.46163333333</v>
      </c>
      <c r="M31" s="48">
        <v>261027.17977933332</v>
      </c>
      <c r="N31" s="48">
        <v>275029.37916533335</v>
      </c>
      <c r="O31" s="48">
        <v>279799.78763333336</v>
      </c>
      <c r="P31" s="48">
        <v>281368.17963333335</v>
      </c>
      <c r="Q31" s="48">
        <v>273668.17963333335</v>
      </c>
      <c r="R31" s="48">
        <v>262406.46148733335</v>
      </c>
      <c r="S31" s="48">
        <v>248404.26210133333</v>
      </c>
      <c r="T31" s="48">
        <v>243633.85363333332</v>
      </c>
      <c r="U31" s="48">
        <v>242065.46163333333</v>
      </c>
      <c r="V31" s="48">
        <v>242065.46163333333</v>
      </c>
    </row>
    <row r="32" spans="1:22">
      <c r="A32" s="45"/>
      <c r="B32" s="45"/>
      <c r="C32" s="45"/>
      <c r="D32" s="45"/>
      <c r="E32" s="45"/>
      <c r="F32" s="45"/>
      <c r="G32" s="45"/>
      <c r="H32" s="45"/>
      <c r="I32" s="45"/>
      <c r="J32" s="45"/>
      <c r="K32" s="45"/>
      <c r="L32" s="45"/>
      <c r="M32" s="45"/>
      <c r="N32" s="45"/>
      <c r="O32" s="45"/>
      <c r="P32" s="45"/>
      <c r="Q32" s="45"/>
      <c r="R32" s="45"/>
      <c r="S32" s="45"/>
      <c r="T32" s="45"/>
      <c r="U32" s="45"/>
      <c r="V32" s="45"/>
    </row>
    <row r="33" spans="1:22">
      <c r="A33" s="51" t="s">
        <v>73</v>
      </c>
      <c r="B33" s="51"/>
      <c r="C33" s="54">
        <v>302662.99215440697</v>
      </c>
      <c r="D33" s="54">
        <v>323878.89334564691</v>
      </c>
      <c r="E33" s="54">
        <v>341955.98562476691</v>
      </c>
      <c r="F33" s="54">
        <v>355524.29870476696</v>
      </c>
      <c r="G33" s="54">
        <v>371979.45210476697</v>
      </c>
      <c r="H33" s="54">
        <v>341076.64843813697</v>
      </c>
      <c r="I33" s="54">
        <v>336315.90064689697</v>
      </c>
      <c r="J33" s="54">
        <v>334693.96176777699</v>
      </c>
      <c r="K33" s="54">
        <v>334160.70848777698</v>
      </c>
      <c r="L33" s="54">
        <v>336778.70848777698</v>
      </c>
      <c r="M33" s="54">
        <v>344027.78625741694</v>
      </c>
      <c r="N33" s="54">
        <v>348788.53404865693</v>
      </c>
      <c r="O33" s="54">
        <v>350410.47292777698</v>
      </c>
      <c r="P33" s="54">
        <v>347523.63260777696</v>
      </c>
      <c r="Q33" s="54">
        <v>344905.63260777696</v>
      </c>
      <c r="R33" s="54">
        <v>341076.64843813697</v>
      </c>
      <c r="S33" s="54">
        <v>336315.90064689697</v>
      </c>
      <c r="T33" s="54">
        <v>334693.96176777699</v>
      </c>
      <c r="U33" s="54">
        <v>334160.70848777698</v>
      </c>
      <c r="V33" s="54">
        <v>334160.70848777698</v>
      </c>
    </row>
    <row r="34" spans="1:22">
      <c r="A34" s="45"/>
      <c r="B34" s="45"/>
      <c r="C34" s="45"/>
      <c r="D34" s="45"/>
      <c r="E34" s="45"/>
      <c r="F34" s="45"/>
      <c r="G34" s="45"/>
      <c r="H34" s="45"/>
      <c r="I34" s="45"/>
      <c r="J34" s="45"/>
      <c r="K34" s="45"/>
      <c r="L34" s="45"/>
      <c r="M34" s="45"/>
      <c r="N34" s="45"/>
      <c r="O34" s="45"/>
      <c r="P34" s="45"/>
      <c r="Q34" s="45"/>
      <c r="R34" s="45"/>
      <c r="S34" s="45"/>
      <c r="T34" s="45"/>
      <c r="U34" s="45"/>
      <c r="V34" s="45"/>
    </row>
    <row r="35" spans="1:22">
      <c r="A35" s="45" t="s">
        <v>74</v>
      </c>
      <c r="B35" s="53">
        <v>889704.49701120681</v>
      </c>
      <c r="C35" s="53">
        <v>298296.14072999998</v>
      </c>
      <c r="D35" s="53">
        <v>311998.54692999995</v>
      </c>
      <c r="E35" s="53">
        <v>265839.59233999997</v>
      </c>
      <c r="F35" s="53">
        <v>249829.50999999998</v>
      </c>
      <c r="G35" s="53">
        <v>241987.55</v>
      </c>
      <c r="H35" s="53">
        <v>241987.55</v>
      </c>
      <c r="I35" s="53">
        <v>241987.55</v>
      </c>
      <c r="J35" s="53">
        <v>241987.55</v>
      </c>
      <c r="K35" s="53">
        <v>241987.55</v>
      </c>
      <c r="L35" s="53">
        <v>280487.55</v>
      </c>
      <c r="M35" s="53">
        <v>298296.14072999998</v>
      </c>
      <c r="N35" s="53">
        <v>311998.54692999995</v>
      </c>
      <c r="O35" s="53">
        <v>265839.59233999997</v>
      </c>
      <c r="P35" s="53">
        <v>249829.50999999998</v>
      </c>
      <c r="Q35" s="53">
        <v>241987.55</v>
      </c>
      <c r="R35" s="53">
        <v>241987.55</v>
      </c>
      <c r="S35" s="53">
        <v>241987.55</v>
      </c>
      <c r="T35" s="53">
        <v>241987.55</v>
      </c>
      <c r="U35" s="53">
        <v>241987.55</v>
      </c>
      <c r="V35" s="53">
        <v>201431.39547879313</v>
      </c>
    </row>
    <row r="36" spans="1:22">
      <c r="A36" s="55" t="s">
        <v>75</v>
      </c>
      <c r="B36" s="54">
        <v>822709.27249</v>
      </c>
      <c r="C36" s="54">
        <v>241987.55</v>
      </c>
      <c r="D36" s="54">
        <v>241987.55</v>
      </c>
      <c r="E36" s="54">
        <v>241987.55</v>
      </c>
      <c r="F36" s="54">
        <v>241987.55</v>
      </c>
      <c r="G36" s="54">
        <v>241987.55</v>
      </c>
      <c r="H36" s="54">
        <v>241987.55</v>
      </c>
      <c r="I36" s="54">
        <v>241987.55</v>
      </c>
      <c r="J36" s="54">
        <v>241987.55</v>
      </c>
      <c r="K36" s="54">
        <v>241987.55</v>
      </c>
      <c r="L36" s="54">
        <v>241987.55</v>
      </c>
      <c r="M36" s="54">
        <v>241987.55</v>
      </c>
      <c r="N36" s="54">
        <v>241987.55</v>
      </c>
      <c r="O36" s="54">
        <v>241987.55</v>
      </c>
      <c r="P36" s="54">
        <v>241987.55</v>
      </c>
      <c r="Q36" s="54">
        <v>241987.55</v>
      </c>
      <c r="R36" s="54">
        <v>241987.55</v>
      </c>
      <c r="S36" s="54">
        <v>241987.55</v>
      </c>
      <c r="T36" s="54">
        <v>241987.55</v>
      </c>
      <c r="U36" s="54">
        <v>241987.55</v>
      </c>
      <c r="V36" s="54">
        <v>241987.55</v>
      </c>
    </row>
    <row r="37" spans="1:22">
      <c r="A37" s="56" t="s">
        <v>76</v>
      </c>
      <c r="B37" s="48">
        <v>23100</v>
      </c>
      <c r="C37" s="48">
        <v>56308.590729999996</v>
      </c>
      <c r="D37" s="48">
        <v>70010.996929999994</v>
      </c>
      <c r="E37" s="48">
        <v>23852.04234</v>
      </c>
      <c r="F37" s="48">
        <v>7841.96</v>
      </c>
      <c r="G37" s="48">
        <v>0</v>
      </c>
      <c r="H37" s="48">
        <v>0</v>
      </c>
      <c r="I37" s="48">
        <v>0</v>
      </c>
      <c r="J37" s="48">
        <v>0</v>
      </c>
      <c r="K37" s="48">
        <v>0</v>
      </c>
      <c r="L37" s="48">
        <v>38500</v>
      </c>
      <c r="M37" s="48">
        <v>56308.590729999996</v>
      </c>
      <c r="N37" s="48">
        <v>70010.996929999994</v>
      </c>
      <c r="O37" s="48">
        <v>23852.04234</v>
      </c>
      <c r="P37" s="48">
        <v>7841.96</v>
      </c>
      <c r="Q37" s="48">
        <v>0</v>
      </c>
      <c r="R37" s="48">
        <v>0</v>
      </c>
      <c r="S37" s="48">
        <v>0</v>
      </c>
      <c r="T37" s="48">
        <v>0</v>
      </c>
      <c r="U37" s="48">
        <v>0</v>
      </c>
      <c r="V37" s="48">
        <v>0</v>
      </c>
    </row>
    <row r="38" spans="1:22">
      <c r="A38" s="55" t="s">
        <v>77</v>
      </c>
      <c r="B38" s="57">
        <v>3339.0699999999997</v>
      </c>
      <c r="C38" s="51">
        <v>0</v>
      </c>
      <c r="D38" s="51">
        <v>0</v>
      </c>
      <c r="E38" s="51">
        <v>0</v>
      </c>
      <c r="F38" s="51">
        <v>0</v>
      </c>
      <c r="G38" s="51">
        <v>0</v>
      </c>
      <c r="H38" s="51">
        <v>0</v>
      </c>
      <c r="I38" s="51">
        <v>0</v>
      </c>
      <c r="J38" s="51">
        <v>0</v>
      </c>
      <c r="K38" s="51">
        <v>0</v>
      </c>
      <c r="L38" s="51">
        <v>0</v>
      </c>
      <c r="M38" s="51"/>
      <c r="N38" s="51"/>
      <c r="O38" s="51"/>
      <c r="P38" s="51"/>
      <c r="Q38" s="51"/>
      <c r="R38" s="51"/>
      <c r="S38" s="51"/>
      <c r="T38" s="51"/>
      <c r="U38" s="51"/>
      <c r="V38" s="51"/>
    </row>
    <row r="39" spans="1:22">
      <c r="A39" s="56" t="s">
        <v>78</v>
      </c>
      <c r="B39" s="48">
        <v>40556.154521206852</v>
      </c>
      <c r="C39" s="45">
        <v>0</v>
      </c>
      <c r="D39" s="45">
        <v>0</v>
      </c>
      <c r="E39" s="45">
        <v>0</v>
      </c>
      <c r="F39" s="45">
        <v>0</v>
      </c>
      <c r="G39" s="45">
        <v>0</v>
      </c>
      <c r="H39" s="45">
        <v>0</v>
      </c>
      <c r="I39" s="45">
        <v>0</v>
      </c>
      <c r="J39" s="45">
        <v>0</v>
      </c>
      <c r="K39" s="45">
        <v>0</v>
      </c>
      <c r="L39" s="53">
        <v>0</v>
      </c>
      <c r="M39" s="53">
        <v>0</v>
      </c>
      <c r="N39" s="53">
        <v>0</v>
      </c>
      <c r="O39" s="53">
        <v>0</v>
      </c>
      <c r="P39" s="53">
        <v>0</v>
      </c>
      <c r="Q39" s="53">
        <v>0</v>
      </c>
      <c r="R39" s="53">
        <v>0</v>
      </c>
      <c r="S39" s="53">
        <v>0</v>
      </c>
      <c r="T39" s="53">
        <v>0</v>
      </c>
      <c r="U39" s="53">
        <v>0</v>
      </c>
      <c r="V39" s="53">
        <v>-40556.154521206852</v>
      </c>
    </row>
    <row r="40" spans="1:22">
      <c r="A40" s="45"/>
      <c r="B40" s="45"/>
      <c r="C40" s="45"/>
      <c r="D40" s="45"/>
      <c r="E40" s="45"/>
      <c r="F40" s="45"/>
      <c r="G40" s="45"/>
      <c r="H40" s="45"/>
      <c r="I40" s="45"/>
      <c r="J40" s="45"/>
      <c r="K40" s="45"/>
      <c r="L40" s="45"/>
      <c r="M40" s="45"/>
      <c r="N40" s="45"/>
      <c r="O40" s="45"/>
      <c r="P40" s="45"/>
      <c r="Q40" s="45"/>
      <c r="R40" s="45"/>
      <c r="S40" s="45"/>
      <c r="T40" s="45"/>
      <c r="U40" s="45"/>
      <c r="V40" s="45"/>
    </row>
    <row r="41" spans="1:22">
      <c r="A41" s="51" t="s">
        <v>79</v>
      </c>
      <c r="B41" s="52">
        <v>0</v>
      </c>
      <c r="C41" s="52">
        <v>20568.941750000002</v>
      </c>
      <c r="D41" s="52">
        <v>20568.941750000002</v>
      </c>
      <c r="E41" s="52">
        <v>20568.941750000002</v>
      </c>
      <c r="F41" s="52">
        <v>20568.941750000002</v>
      </c>
      <c r="G41" s="52">
        <v>20568.941750000002</v>
      </c>
      <c r="H41" s="52">
        <v>20568.941750000002</v>
      </c>
      <c r="I41" s="52">
        <v>20568.941750000002</v>
      </c>
      <c r="J41" s="52">
        <v>20568.941750000002</v>
      </c>
      <c r="K41" s="52">
        <v>20568.941750000002</v>
      </c>
      <c r="L41" s="52">
        <v>20568.941750000002</v>
      </c>
      <c r="M41" s="52">
        <v>20568.941750000002</v>
      </c>
      <c r="N41" s="52">
        <v>20568.941750000002</v>
      </c>
      <c r="O41" s="52">
        <v>20568.941750000002</v>
      </c>
      <c r="P41" s="52">
        <v>20568.941750000002</v>
      </c>
      <c r="Q41" s="52">
        <v>20568.941750000002</v>
      </c>
      <c r="R41" s="52">
        <v>20568.941750000002</v>
      </c>
      <c r="S41" s="52">
        <v>20568.941750000002</v>
      </c>
      <c r="T41" s="52">
        <v>20568.941750000002</v>
      </c>
      <c r="U41" s="52">
        <v>20568.941750000002</v>
      </c>
      <c r="V41" s="52">
        <v>536532.18494983332</v>
      </c>
    </row>
    <row r="42" spans="1:22">
      <c r="A42" s="45" t="s">
        <v>80</v>
      </c>
      <c r="B42" s="45"/>
      <c r="C42" s="53">
        <v>20568.941750000002</v>
      </c>
      <c r="D42" s="53">
        <v>20568.941750000002</v>
      </c>
      <c r="E42" s="53">
        <v>20568.941750000002</v>
      </c>
      <c r="F42" s="53">
        <v>20568.941750000002</v>
      </c>
      <c r="G42" s="53">
        <v>20568.941750000002</v>
      </c>
      <c r="H42" s="53">
        <v>20568.941750000002</v>
      </c>
      <c r="I42" s="53">
        <v>20568.941750000002</v>
      </c>
      <c r="J42" s="53">
        <v>20568.941750000002</v>
      </c>
      <c r="K42" s="53">
        <v>20568.941750000002</v>
      </c>
      <c r="L42" s="53">
        <v>20568.941750000002</v>
      </c>
      <c r="M42" s="53">
        <v>20568.941750000002</v>
      </c>
      <c r="N42" s="53">
        <v>20568.941750000002</v>
      </c>
      <c r="O42" s="53">
        <v>20568.941750000002</v>
      </c>
      <c r="P42" s="53">
        <v>20568.941750000002</v>
      </c>
      <c r="Q42" s="53">
        <v>20568.941750000002</v>
      </c>
      <c r="R42" s="53">
        <v>20568.941750000002</v>
      </c>
      <c r="S42" s="53">
        <v>20568.941750000002</v>
      </c>
      <c r="T42" s="53">
        <v>20568.941750000002</v>
      </c>
      <c r="U42" s="53">
        <v>20568.941750000002</v>
      </c>
      <c r="V42" s="53">
        <v>534751.34761649999</v>
      </c>
    </row>
    <row r="43" spans="1:22">
      <c r="A43" s="51" t="s">
        <v>81</v>
      </c>
      <c r="B43" s="51"/>
      <c r="C43" s="51">
        <v>0</v>
      </c>
      <c r="D43" s="51">
        <v>0</v>
      </c>
      <c r="E43" s="51">
        <v>0</v>
      </c>
      <c r="F43" s="51">
        <v>0</v>
      </c>
      <c r="G43" s="51">
        <v>0</v>
      </c>
      <c r="H43" s="51">
        <v>0</v>
      </c>
      <c r="I43" s="51">
        <v>0</v>
      </c>
      <c r="J43" s="51">
        <v>0</v>
      </c>
      <c r="K43" s="51">
        <v>0</v>
      </c>
      <c r="L43" s="58">
        <v>0</v>
      </c>
      <c r="M43" s="51">
        <v>0</v>
      </c>
      <c r="N43" s="52">
        <v>0</v>
      </c>
      <c r="O43" s="51">
        <v>0</v>
      </c>
      <c r="P43" s="51">
        <v>0</v>
      </c>
      <c r="Q43" s="51">
        <v>0</v>
      </c>
      <c r="R43" s="51">
        <v>0</v>
      </c>
      <c r="S43" s="51">
        <v>0</v>
      </c>
      <c r="T43" s="51">
        <v>0</v>
      </c>
      <c r="U43" s="51">
        <v>0</v>
      </c>
      <c r="V43" s="51">
        <v>1780.8373333333332</v>
      </c>
    </row>
    <row r="44" spans="1:22">
      <c r="A44" s="45"/>
      <c r="B44" s="45"/>
      <c r="C44" s="45"/>
      <c r="D44" s="45"/>
      <c r="E44" s="45"/>
      <c r="F44" s="45"/>
      <c r="G44" s="45"/>
      <c r="H44" s="45"/>
      <c r="I44" s="45"/>
      <c r="J44" s="45"/>
      <c r="K44" s="45"/>
      <c r="L44" s="45"/>
      <c r="M44" s="45"/>
      <c r="N44" s="45"/>
      <c r="O44" s="45"/>
      <c r="P44" s="45"/>
      <c r="Q44" s="45"/>
      <c r="R44" s="45"/>
      <c r="S44" s="45"/>
      <c r="T44" s="45"/>
      <c r="U44" s="45"/>
      <c r="V44" s="45"/>
    </row>
    <row r="45" spans="1:22">
      <c r="A45" s="59" t="s">
        <v>82</v>
      </c>
      <c r="B45" s="60">
        <v>-889704.49701120681</v>
      </c>
      <c r="C45" s="60">
        <v>24935.793174406983</v>
      </c>
      <c r="D45" s="60">
        <v>32449.288165646958</v>
      </c>
      <c r="E45" s="60">
        <v>96685.335034766933</v>
      </c>
      <c r="F45" s="60">
        <v>126263.73045476698</v>
      </c>
      <c r="G45" s="60">
        <v>150560.84385476698</v>
      </c>
      <c r="H45" s="60">
        <v>119658.04018813698</v>
      </c>
      <c r="I45" s="60">
        <v>114897.29239689698</v>
      </c>
      <c r="J45" s="60">
        <v>113275.353517777</v>
      </c>
      <c r="K45" s="60">
        <v>112742.10023777699</v>
      </c>
      <c r="L45" s="60">
        <v>76860.100237776991</v>
      </c>
      <c r="M45" s="60">
        <v>66300.587277416955</v>
      </c>
      <c r="N45" s="60">
        <v>57358.928868656978</v>
      </c>
      <c r="O45" s="60">
        <v>105139.822337777</v>
      </c>
      <c r="P45" s="60">
        <v>118263.06435777698</v>
      </c>
      <c r="Q45" s="60">
        <v>123487.02435777697</v>
      </c>
      <c r="R45" s="60">
        <v>119658.04018813698</v>
      </c>
      <c r="S45" s="60">
        <v>114897.29239689698</v>
      </c>
      <c r="T45" s="60">
        <v>113275.353517777</v>
      </c>
      <c r="U45" s="60">
        <v>112742.10023777699</v>
      </c>
      <c r="V45" s="60">
        <v>669261.49795881717</v>
      </c>
    </row>
    <row r="46" spans="1:22">
      <c r="A46" s="45"/>
      <c r="B46" s="53"/>
      <c r="C46" s="53"/>
      <c r="D46" s="53"/>
      <c r="E46" s="53"/>
      <c r="F46" s="53"/>
      <c r="G46" s="53"/>
      <c r="H46" s="53"/>
      <c r="I46" s="53"/>
      <c r="J46" s="53"/>
      <c r="K46" s="53"/>
      <c r="L46" s="53"/>
      <c r="M46" s="53"/>
      <c r="N46" s="53"/>
      <c r="O46" s="53"/>
      <c r="P46" s="53"/>
      <c r="Q46" s="53"/>
      <c r="R46" s="53"/>
      <c r="S46" s="53"/>
      <c r="T46" s="53"/>
      <c r="U46" s="53"/>
      <c r="V46" s="53"/>
    </row>
    <row r="47" spans="1:22">
      <c r="A47" s="39"/>
      <c r="B47" s="61"/>
      <c r="C47" s="45"/>
      <c r="D47" s="45"/>
      <c r="E47" s="45"/>
      <c r="F47" s="45"/>
      <c r="G47" s="45"/>
      <c r="H47" s="45"/>
      <c r="I47" s="45"/>
      <c r="J47" s="45"/>
      <c r="K47" s="45"/>
      <c r="L47" s="45"/>
      <c r="M47" s="45"/>
      <c r="N47" s="45"/>
      <c r="O47" s="45"/>
      <c r="P47" s="45"/>
      <c r="Q47" s="45"/>
      <c r="R47" s="45"/>
      <c r="S47" s="45"/>
      <c r="T47" s="45"/>
      <c r="U47" s="45"/>
      <c r="V47" s="45"/>
    </row>
    <row r="48" spans="1:22">
      <c r="A48" s="45"/>
      <c r="B48" s="45"/>
      <c r="C48" s="45"/>
      <c r="D48" s="45"/>
      <c r="E48" s="45"/>
      <c r="F48" s="45"/>
      <c r="G48" s="45"/>
      <c r="H48" s="45"/>
      <c r="I48" s="45"/>
      <c r="J48" s="45"/>
      <c r="K48" s="45"/>
      <c r="L48" s="45"/>
      <c r="M48" s="45"/>
      <c r="N48" s="45"/>
      <c r="O48" s="45"/>
      <c r="P48" s="45"/>
      <c r="Q48" s="45"/>
      <c r="R48" s="45"/>
      <c r="S48" s="45"/>
      <c r="T48" s="45"/>
      <c r="U48" s="45"/>
      <c r="V48" s="45"/>
    </row>
    <row r="49" spans="1:22" ht="12" thickBot="1"/>
    <row r="50" spans="1:22" ht="16.5" thickBot="1">
      <c r="A50" s="184" t="s">
        <v>57</v>
      </c>
      <c r="B50" s="185">
        <v>9.8500000000000004E-2</v>
      </c>
      <c r="C50" s="45"/>
      <c r="D50" s="45"/>
      <c r="E50" s="45"/>
      <c r="F50" s="45"/>
      <c r="G50" s="45"/>
      <c r="H50" s="45"/>
      <c r="I50" s="45"/>
      <c r="J50" s="45"/>
      <c r="K50" s="45"/>
      <c r="L50" s="45"/>
      <c r="M50" s="45"/>
      <c r="N50" s="45"/>
      <c r="O50" s="45"/>
      <c r="P50" s="45"/>
      <c r="Q50" s="45"/>
      <c r="R50" s="45"/>
      <c r="S50" s="45"/>
      <c r="T50" s="45"/>
      <c r="U50" s="45"/>
      <c r="V50" s="45"/>
    </row>
    <row r="51" spans="1:22">
      <c r="A51" s="45"/>
      <c r="B51" s="62"/>
      <c r="C51" s="45"/>
      <c r="D51" s="45"/>
      <c r="E51" s="45"/>
      <c r="F51" s="45"/>
      <c r="G51" s="45"/>
      <c r="H51" s="45"/>
      <c r="I51" s="45"/>
      <c r="J51" s="45"/>
      <c r="K51" s="45"/>
      <c r="L51" s="45"/>
      <c r="M51" s="63"/>
      <c r="N51" s="45"/>
      <c r="O51" s="45"/>
      <c r="P51" s="45"/>
      <c r="Q51" s="45"/>
      <c r="R51" s="45"/>
      <c r="S51" s="45"/>
      <c r="T51" s="45"/>
      <c r="U51" s="45"/>
      <c r="V51" s="45"/>
    </row>
    <row r="52" spans="1:22">
      <c r="A52" s="45"/>
      <c r="B52" s="62"/>
      <c r="C52" s="45"/>
      <c r="D52" s="45"/>
      <c r="E52" s="45"/>
      <c r="F52" s="45"/>
      <c r="G52" s="45"/>
      <c r="H52" s="45"/>
      <c r="I52" s="45"/>
      <c r="J52" s="45"/>
      <c r="K52" s="45"/>
      <c r="L52" s="45"/>
      <c r="M52" s="63"/>
      <c r="N52" s="45"/>
      <c r="O52" s="45"/>
      <c r="P52" s="45"/>
      <c r="Q52" s="45"/>
      <c r="R52" s="45"/>
      <c r="S52" s="45"/>
      <c r="T52" s="45"/>
      <c r="U52" s="45"/>
      <c r="V52" s="45"/>
    </row>
    <row r="53" spans="1:22">
      <c r="A53" s="45"/>
      <c r="B53" s="45"/>
      <c r="C53" s="45"/>
      <c r="D53" s="45"/>
      <c r="E53" s="45"/>
      <c r="F53" s="45"/>
      <c r="G53" s="45"/>
      <c r="H53" s="45"/>
      <c r="I53" s="45"/>
      <c r="J53" s="45"/>
      <c r="K53" s="45"/>
      <c r="L53" s="45"/>
      <c r="M53" s="45"/>
      <c r="N53" s="45"/>
      <c r="O53" s="45"/>
      <c r="P53" s="45"/>
      <c r="Q53" s="45"/>
      <c r="R53" s="45"/>
      <c r="S53" s="45"/>
      <c r="T53" s="45"/>
      <c r="U53" s="45"/>
      <c r="V53" s="45"/>
    </row>
    <row r="54" spans="1:22" ht="18">
      <c r="A54" s="183" t="s">
        <v>155</v>
      </c>
      <c r="B54" s="45"/>
      <c r="C54" s="45"/>
      <c r="D54" s="45"/>
      <c r="E54" s="45"/>
      <c r="F54" s="45"/>
      <c r="G54" s="45"/>
      <c r="H54" s="45"/>
      <c r="I54" s="45"/>
      <c r="J54" s="45"/>
      <c r="K54" s="45"/>
      <c r="L54" s="45"/>
      <c r="M54" s="45"/>
      <c r="N54" s="45"/>
      <c r="O54" s="45"/>
      <c r="P54" s="45"/>
      <c r="Q54" s="45"/>
      <c r="R54" s="45"/>
      <c r="S54" s="45"/>
      <c r="T54" s="45"/>
      <c r="U54" s="45"/>
      <c r="V54" s="45"/>
    </row>
    <row r="55" spans="1:22">
      <c r="A55" s="64" t="s">
        <v>83</v>
      </c>
      <c r="B55" s="65"/>
      <c r="C55" s="66">
        <v>139366.02065283334</v>
      </c>
      <c r="D55" s="67">
        <v>201765.73003883331</v>
      </c>
      <c r="E55" s="67">
        <v>254933.64850683333</v>
      </c>
      <c r="F55" s="67">
        <v>304899.5505068333</v>
      </c>
      <c r="G55" s="67">
        <v>353297.06050683331</v>
      </c>
      <c r="H55" s="67">
        <v>262406.46148733335</v>
      </c>
      <c r="I55" s="67">
        <v>248404.26210133333</v>
      </c>
      <c r="J55" s="67">
        <v>243633.85363333332</v>
      </c>
      <c r="K55" s="67">
        <v>242065.46163333333</v>
      </c>
      <c r="L55" s="67">
        <v>249765.46163333333</v>
      </c>
      <c r="M55" s="67">
        <v>261027.17977933332</v>
      </c>
      <c r="N55" s="67">
        <v>275029.37916533335</v>
      </c>
      <c r="O55" s="67">
        <v>279799.78763333336</v>
      </c>
      <c r="P55" s="67">
        <v>281368.17963333335</v>
      </c>
      <c r="Q55" s="67">
        <v>273668.17963333335</v>
      </c>
      <c r="R55" s="67">
        <v>262406.46148733335</v>
      </c>
      <c r="S55" s="67">
        <v>248404.26210133333</v>
      </c>
      <c r="T55" s="67">
        <v>243633.85363333332</v>
      </c>
      <c r="U55" s="67">
        <v>242065.46163333333</v>
      </c>
      <c r="V55" s="68">
        <v>242065.46163333333</v>
      </c>
    </row>
    <row r="56" spans="1:22">
      <c r="A56" s="69" t="s">
        <v>84</v>
      </c>
      <c r="B56" s="70"/>
      <c r="C56" s="71">
        <v>123406.3908735</v>
      </c>
      <c r="D56" s="72">
        <v>171803.90087349998</v>
      </c>
      <c r="E56" s="72">
        <v>220201.41087349999</v>
      </c>
      <c r="F56" s="72">
        <v>268598.9208735</v>
      </c>
      <c r="G56" s="72">
        <v>316996.43087350001</v>
      </c>
      <c r="H56" s="72">
        <v>241987.55</v>
      </c>
      <c r="I56" s="72">
        <v>241987.55</v>
      </c>
      <c r="J56" s="72">
        <v>241987.55</v>
      </c>
      <c r="K56" s="72">
        <v>241987.55</v>
      </c>
      <c r="L56" s="72">
        <v>241987.55</v>
      </c>
      <c r="M56" s="72">
        <v>241987.55</v>
      </c>
      <c r="N56" s="72">
        <v>241987.55</v>
      </c>
      <c r="O56" s="72">
        <v>241987.55</v>
      </c>
      <c r="P56" s="72">
        <v>241987.55</v>
      </c>
      <c r="Q56" s="72">
        <v>241987.55</v>
      </c>
      <c r="R56" s="72">
        <v>241987.55</v>
      </c>
      <c r="S56" s="72">
        <v>241987.55</v>
      </c>
      <c r="T56" s="72">
        <v>241987.55</v>
      </c>
      <c r="U56" s="72">
        <v>241987.55</v>
      </c>
      <c r="V56" s="73">
        <v>241987.55</v>
      </c>
    </row>
    <row r="57" spans="1:22">
      <c r="A57" s="74" t="s">
        <v>85</v>
      </c>
      <c r="B57" s="45"/>
      <c r="C57" s="75">
        <v>77.911633333333327</v>
      </c>
      <c r="D57" s="48">
        <v>77.911633333333327</v>
      </c>
      <c r="E57" s="48">
        <v>77.911633333333327</v>
      </c>
      <c r="F57" s="48">
        <v>77.911633333333327</v>
      </c>
      <c r="G57" s="48">
        <v>77.911633333333327</v>
      </c>
      <c r="H57" s="48">
        <v>77.911633333333327</v>
      </c>
      <c r="I57" s="48">
        <v>77.911633333333327</v>
      </c>
      <c r="J57" s="48">
        <v>77.911633333333327</v>
      </c>
      <c r="K57" s="48">
        <v>77.911633333333327</v>
      </c>
      <c r="L57" s="48">
        <v>77.911633333333327</v>
      </c>
      <c r="M57" s="48">
        <v>77.911633333333327</v>
      </c>
      <c r="N57" s="48">
        <v>77.911633333333327</v>
      </c>
      <c r="O57" s="48">
        <v>77.911633333333327</v>
      </c>
      <c r="P57" s="48">
        <v>77.911633333333327</v>
      </c>
      <c r="Q57" s="48">
        <v>77.911633333333327</v>
      </c>
      <c r="R57" s="48">
        <v>77.911633333333327</v>
      </c>
      <c r="S57" s="48">
        <v>77.911633333333327</v>
      </c>
      <c r="T57" s="48">
        <v>77.911633333333327</v>
      </c>
      <c r="U57" s="48">
        <v>77.911633333333327</v>
      </c>
      <c r="V57" s="76">
        <v>77.911633333333327</v>
      </c>
    </row>
    <row r="58" spans="1:22">
      <c r="A58" s="77" t="s">
        <v>86</v>
      </c>
      <c r="B58" s="78"/>
      <c r="C58" s="79">
        <v>15881.718145999999</v>
      </c>
      <c r="D58" s="80">
        <v>29883.917531999999</v>
      </c>
      <c r="E58" s="80">
        <v>34654.326000000001</v>
      </c>
      <c r="F58" s="80">
        <v>36222.718000000001</v>
      </c>
      <c r="G58" s="80">
        <v>36222.718000000001</v>
      </c>
      <c r="H58" s="80">
        <v>20340.999853999998</v>
      </c>
      <c r="I58" s="80">
        <v>6338.8004679999995</v>
      </c>
      <c r="J58" s="80">
        <v>1568.3920000000001</v>
      </c>
      <c r="K58" s="80">
        <v>0</v>
      </c>
      <c r="L58" s="80">
        <v>7700</v>
      </c>
      <c r="M58" s="80">
        <v>18961.718145999999</v>
      </c>
      <c r="N58" s="80">
        <v>32963.917531999999</v>
      </c>
      <c r="O58" s="80">
        <v>37734.326000000001</v>
      </c>
      <c r="P58" s="80">
        <v>39302.718000000001</v>
      </c>
      <c r="Q58" s="80">
        <v>31602.718000000001</v>
      </c>
      <c r="R58" s="80">
        <v>20340.999853999998</v>
      </c>
      <c r="S58" s="80">
        <v>6338.8004679999995</v>
      </c>
      <c r="T58" s="80">
        <v>1568.3920000000001</v>
      </c>
      <c r="U58" s="80">
        <v>0</v>
      </c>
      <c r="V58" s="81">
        <v>0</v>
      </c>
    </row>
    <row r="88" spans="11:11" ht="12.75">
      <c r="K88" s="172" t="s">
        <v>175</v>
      </c>
    </row>
  </sheetData>
  <pageMargins left="0.19685039370078741" right="0.19685039370078741" top="0.19685039370078741" bottom="0.19685039370078741" header="0.31496062992125984" footer="0.31496062992125984"/>
  <pageSetup paperSize="9" scale="55" fitToWidth="2" orientation="landscape" r:id="rId1"/>
  <drawing r:id="rId2"/>
</worksheet>
</file>

<file path=xl/worksheets/sheet5.xml><?xml version="1.0" encoding="utf-8"?>
<worksheet xmlns="http://schemas.openxmlformats.org/spreadsheetml/2006/main" xmlns:r="http://schemas.openxmlformats.org/officeDocument/2006/relationships">
  <sheetPr codeName="Plan8"/>
  <dimension ref="A1:X88"/>
  <sheetViews>
    <sheetView view="pageBreakPreview" topLeftCell="A55" zoomScale="80" zoomScaleNormal="100" zoomScaleSheetLayoutView="80" workbookViewId="0">
      <selection activeCell="A107" sqref="A107"/>
    </sheetView>
  </sheetViews>
  <sheetFormatPr defaultRowHeight="11.25"/>
  <cols>
    <col min="1" max="1" width="33.5703125" style="2" customWidth="1"/>
    <col min="2" max="2" width="11.85546875" style="2" bestFit="1" customWidth="1"/>
    <col min="3" max="3" width="11.5703125" style="2" bestFit="1" customWidth="1"/>
    <col min="4" max="22" width="10.5703125" style="2" customWidth="1"/>
    <col min="23" max="23" width="9.140625" style="2"/>
    <col min="24" max="24" width="9.140625" style="2" hidden="1" customWidth="1"/>
    <col min="25" max="25" width="9.140625" style="2" customWidth="1"/>
    <col min="26" max="16384" width="9.140625" style="2"/>
  </cols>
  <sheetData>
    <row r="1" spans="1:22" ht="18">
      <c r="A1" s="165" t="s">
        <v>87</v>
      </c>
    </row>
    <row r="4" spans="1:22" ht="18">
      <c r="A4" s="165" t="s">
        <v>152</v>
      </c>
    </row>
    <row r="5" spans="1:22" ht="15.75">
      <c r="A5" s="173" t="s">
        <v>45</v>
      </c>
    </row>
    <row r="6" spans="1:22" ht="15.75">
      <c r="A6" s="173" t="s">
        <v>153</v>
      </c>
    </row>
    <row r="7" spans="1:22" ht="12.75">
      <c r="A7" s="174" t="s">
        <v>56</v>
      </c>
      <c r="B7" s="175"/>
      <c r="C7" s="176">
        <v>10</v>
      </c>
    </row>
    <row r="8" spans="1:22" ht="12.75">
      <c r="A8" s="177" t="s">
        <v>58</v>
      </c>
      <c r="B8" s="178"/>
      <c r="C8" s="186">
        <v>42501.187489007272</v>
      </c>
    </row>
    <row r="9" spans="1:22" ht="12.75">
      <c r="A9" s="180"/>
      <c r="B9" s="180"/>
      <c r="C9" s="121"/>
    </row>
    <row r="10" spans="1:22" ht="12.75">
      <c r="A10" s="174" t="s">
        <v>59</v>
      </c>
      <c r="B10" s="175"/>
      <c r="C10" s="181">
        <v>37194.016172382137</v>
      </c>
    </row>
    <row r="11" spans="1:22" ht="12.75">
      <c r="A11" s="174" t="s">
        <v>60</v>
      </c>
      <c r="B11" s="175"/>
      <c r="C11" s="181">
        <v>9157.6522289999994</v>
      </c>
    </row>
    <row r="12" spans="1:22" ht="12.75">
      <c r="A12" s="174" t="s">
        <v>61</v>
      </c>
      <c r="B12" s="175"/>
      <c r="C12" s="182">
        <v>28036.363943382141</v>
      </c>
    </row>
    <row r="13" spans="1:22" ht="12.75">
      <c r="A13" s="174" t="s">
        <v>62</v>
      </c>
      <c r="B13" s="175"/>
      <c r="C13" s="181">
        <v>0</v>
      </c>
    </row>
    <row r="14" spans="1:22">
      <c r="A14" s="45"/>
      <c r="B14" s="45"/>
      <c r="C14" s="48"/>
    </row>
    <row r="15" spans="1:22" ht="18">
      <c r="A15" s="183" t="s">
        <v>154</v>
      </c>
      <c r="C15" s="48"/>
      <c r="D15" s="27"/>
      <c r="V15" s="49" t="s">
        <v>63</v>
      </c>
    </row>
    <row r="16" spans="1:22">
      <c r="A16" s="50"/>
      <c r="B16" s="50" t="s">
        <v>2</v>
      </c>
      <c r="C16" s="50" t="s">
        <v>3</v>
      </c>
      <c r="D16" s="50" t="s">
        <v>4</v>
      </c>
      <c r="E16" s="50" t="s">
        <v>5</v>
      </c>
      <c r="F16" s="50" t="s">
        <v>6</v>
      </c>
      <c r="G16" s="50" t="s">
        <v>7</v>
      </c>
      <c r="H16" s="50" t="s">
        <v>8</v>
      </c>
      <c r="I16" s="50" t="s">
        <v>9</v>
      </c>
      <c r="J16" s="50" t="s">
        <v>10</v>
      </c>
      <c r="K16" s="50" t="s">
        <v>11</v>
      </c>
      <c r="L16" s="50" t="s">
        <v>12</v>
      </c>
      <c r="M16" s="50" t="s">
        <v>13</v>
      </c>
      <c r="N16" s="50" t="s">
        <v>14</v>
      </c>
      <c r="O16" s="50" t="s">
        <v>15</v>
      </c>
      <c r="P16" s="50" t="s">
        <v>16</v>
      </c>
      <c r="Q16" s="50" t="s">
        <v>17</v>
      </c>
      <c r="R16" s="50" t="s">
        <v>18</v>
      </c>
      <c r="S16" s="50" t="s">
        <v>19</v>
      </c>
      <c r="T16" s="50" t="s">
        <v>20</v>
      </c>
      <c r="U16" s="50" t="s">
        <v>21</v>
      </c>
      <c r="V16" s="50" t="s">
        <v>22</v>
      </c>
    </row>
    <row r="17" spans="1:22">
      <c r="A17" s="45" t="s">
        <v>64</v>
      </c>
      <c r="B17" s="45"/>
      <c r="C17" s="48">
        <v>5100142.4986808728</v>
      </c>
      <c r="D17" s="48">
        <v>5100142.4986808728</v>
      </c>
      <c r="E17" s="48">
        <v>5100142.4986808728</v>
      </c>
      <c r="F17" s="48">
        <v>5100142.4986808728</v>
      </c>
      <c r="G17" s="48">
        <v>5100142.4986808728</v>
      </c>
      <c r="H17" s="48">
        <v>5100142.4986808728</v>
      </c>
      <c r="I17" s="48">
        <v>5100142.4986808728</v>
      </c>
      <c r="J17" s="48">
        <v>5100142.4986808728</v>
      </c>
      <c r="K17" s="48">
        <v>5100142.4986808728</v>
      </c>
      <c r="L17" s="48">
        <v>5100142.4986808728</v>
      </c>
      <c r="M17" s="48">
        <v>5100142.4986808728</v>
      </c>
      <c r="N17" s="48">
        <v>5100142.4986808728</v>
      </c>
      <c r="O17" s="48">
        <v>5100142.4986808728</v>
      </c>
      <c r="P17" s="48">
        <v>5100142.4986808728</v>
      </c>
      <c r="Q17" s="48">
        <v>5100142.4986808728</v>
      </c>
      <c r="R17" s="48">
        <v>5100142.4986808728</v>
      </c>
      <c r="S17" s="48">
        <v>5100142.4986808728</v>
      </c>
      <c r="T17" s="48">
        <v>5100142.4986808728</v>
      </c>
      <c r="U17" s="48">
        <v>5100142.4986808728</v>
      </c>
      <c r="V17" s="48">
        <v>5100142.4986808728</v>
      </c>
    </row>
    <row r="18" spans="1:22">
      <c r="A18" s="51" t="s">
        <v>65</v>
      </c>
      <c r="B18" s="51"/>
      <c r="C18" s="52">
        <v>102002.84997361746</v>
      </c>
      <c r="D18" s="52">
        <v>102002.84997361746</v>
      </c>
      <c r="E18" s="52">
        <v>102002.84997361746</v>
      </c>
      <c r="F18" s="52">
        <v>102002.84997361746</v>
      </c>
      <c r="G18" s="52">
        <v>102002.84997361746</v>
      </c>
      <c r="H18" s="52">
        <v>102002.84997361746</v>
      </c>
      <c r="I18" s="52">
        <v>102002.84997361746</v>
      </c>
      <c r="J18" s="52">
        <v>102002.84997361746</v>
      </c>
      <c r="K18" s="52">
        <v>102002.84997361746</v>
      </c>
      <c r="L18" s="52">
        <v>102002.84997361746</v>
      </c>
      <c r="M18" s="52">
        <v>102002.84997361746</v>
      </c>
      <c r="N18" s="52">
        <v>102002.84997361746</v>
      </c>
      <c r="O18" s="52">
        <v>102002.84997361746</v>
      </c>
      <c r="P18" s="52">
        <v>102002.84997361746</v>
      </c>
      <c r="Q18" s="52">
        <v>102002.84997361746</v>
      </c>
      <c r="R18" s="52">
        <v>102002.84997361746</v>
      </c>
      <c r="S18" s="52">
        <v>102002.84997361746</v>
      </c>
      <c r="T18" s="52">
        <v>102002.84997361746</v>
      </c>
      <c r="U18" s="52">
        <v>102002.84997361746</v>
      </c>
      <c r="V18" s="52">
        <v>102002.84997361746</v>
      </c>
    </row>
    <row r="19" spans="1:22">
      <c r="A19" s="45" t="s">
        <v>66</v>
      </c>
      <c r="B19" s="45"/>
      <c r="C19" s="53">
        <v>4998139.6487072557</v>
      </c>
      <c r="D19" s="53">
        <v>4998139.6487072557</v>
      </c>
      <c r="E19" s="53">
        <v>4998139.6487072557</v>
      </c>
      <c r="F19" s="53">
        <v>4998139.6487072557</v>
      </c>
      <c r="G19" s="53">
        <v>4998139.6487072557</v>
      </c>
      <c r="H19" s="53">
        <v>4998139.6487072557</v>
      </c>
      <c r="I19" s="53">
        <v>4998139.6487072557</v>
      </c>
      <c r="J19" s="53">
        <v>4998139.6487072557</v>
      </c>
      <c r="K19" s="53">
        <v>4998139.6487072557</v>
      </c>
      <c r="L19" s="53">
        <v>4998139.6487072557</v>
      </c>
      <c r="M19" s="53">
        <v>4998139.6487072557</v>
      </c>
      <c r="N19" s="53">
        <v>4998139.6487072557</v>
      </c>
      <c r="O19" s="53">
        <v>4998139.6487072557</v>
      </c>
      <c r="P19" s="53">
        <v>4998139.6487072557</v>
      </c>
      <c r="Q19" s="53">
        <v>4998139.6487072557</v>
      </c>
      <c r="R19" s="53">
        <v>4998139.6487072557</v>
      </c>
      <c r="S19" s="53">
        <v>4998139.6487072557</v>
      </c>
      <c r="T19" s="53">
        <v>4998139.6487072557</v>
      </c>
      <c r="U19" s="53">
        <v>4998139.6487072557</v>
      </c>
      <c r="V19" s="53">
        <v>4998139.6487072557</v>
      </c>
    </row>
    <row r="20" spans="1:22">
      <c r="A20" s="45"/>
      <c r="B20" s="45"/>
      <c r="C20" s="45"/>
      <c r="D20" s="45"/>
      <c r="E20" s="45"/>
      <c r="F20" s="45"/>
      <c r="G20" s="45"/>
      <c r="H20" s="45"/>
      <c r="I20" s="45"/>
      <c r="J20" s="45"/>
      <c r="K20" s="45"/>
      <c r="L20" s="45"/>
      <c r="M20" s="45"/>
      <c r="N20" s="45"/>
      <c r="O20" s="45"/>
      <c r="P20" s="45"/>
      <c r="Q20" s="45"/>
      <c r="R20" s="45"/>
      <c r="S20" s="45"/>
      <c r="T20" s="45"/>
      <c r="U20" s="45"/>
      <c r="V20" s="45"/>
    </row>
    <row r="21" spans="1:22">
      <c r="A21" s="51" t="s">
        <v>67</v>
      </c>
      <c r="B21" s="51"/>
      <c r="C21" s="52">
        <v>4470285.1406858563</v>
      </c>
      <c r="D21" s="52">
        <v>4470285.1406858563</v>
      </c>
      <c r="E21" s="52">
        <v>4470285.1406858563</v>
      </c>
      <c r="F21" s="52">
        <v>4477687.9406858562</v>
      </c>
      <c r="G21" s="52">
        <v>4477687.9406858562</v>
      </c>
      <c r="H21" s="52">
        <v>4477687.9406858562</v>
      </c>
      <c r="I21" s="52">
        <v>4477687.9406858562</v>
      </c>
      <c r="J21" s="52">
        <v>4477687.9406858562</v>
      </c>
      <c r="K21" s="52">
        <v>4477687.9406858562</v>
      </c>
      <c r="L21" s="52">
        <v>4477687.9406858562</v>
      </c>
      <c r="M21" s="54">
        <v>4470285.1406858563</v>
      </c>
      <c r="N21" s="54">
        <v>4470285.1406858563</v>
      </c>
      <c r="O21" s="54">
        <v>4470285.1406858563</v>
      </c>
      <c r="P21" s="54">
        <v>4477687.9406858562</v>
      </c>
      <c r="Q21" s="54">
        <v>4477687.9406858562</v>
      </c>
      <c r="R21" s="54">
        <v>4477687.9406858562</v>
      </c>
      <c r="S21" s="54">
        <v>4477687.9406858562</v>
      </c>
      <c r="T21" s="54">
        <v>4477687.9406858562</v>
      </c>
      <c r="U21" s="54">
        <v>4477687.9406858562</v>
      </c>
      <c r="V21" s="54">
        <v>4477687.9406858562</v>
      </c>
    </row>
    <row r="22" spans="1:22">
      <c r="A22" s="45"/>
      <c r="B22" s="45"/>
      <c r="C22" s="45"/>
      <c r="D22" s="45"/>
      <c r="E22" s="45"/>
      <c r="F22" s="45"/>
      <c r="G22" s="45"/>
      <c r="H22" s="45"/>
      <c r="I22" s="45"/>
      <c r="J22" s="45"/>
      <c r="K22" s="45"/>
      <c r="L22" s="45"/>
      <c r="M22" s="45"/>
      <c r="N22" s="45"/>
      <c r="O22" s="45"/>
      <c r="P22" s="45"/>
      <c r="Q22" s="45"/>
      <c r="R22" s="45"/>
      <c r="S22" s="45"/>
      <c r="T22" s="45"/>
      <c r="U22" s="45"/>
      <c r="V22" s="45"/>
    </row>
    <row r="23" spans="1:22">
      <c r="A23" s="45" t="s">
        <v>68</v>
      </c>
      <c r="B23" s="45"/>
      <c r="C23" s="48">
        <v>211834.22260408339</v>
      </c>
      <c r="D23" s="48">
        <v>290454.15458408336</v>
      </c>
      <c r="E23" s="48">
        <v>355885.81382408342</v>
      </c>
      <c r="F23" s="48">
        <v>416743.1638240834</v>
      </c>
      <c r="G23" s="48">
        <v>475359.95382408338</v>
      </c>
      <c r="H23" s="48">
        <v>322253.82355333335</v>
      </c>
      <c r="I23" s="48">
        <v>302250.68157333339</v>
      </c>
      <c r="J23" s="48">
        <v>295435.81233333336</v>
      </c>
      <c r="K23" s="48">
        <v>293195.25233333337</v>
      </c>
      <c r="L23" s="48">
        <v>304195.25233333337</v>
      </c>
      <c r="M23" s="48">
        <v>320283.42111333337</v>
      </c>
      <c r="N23" s="48">
        <v>340286.56309333339</v>
      </c>
      <c r="O23" s="48">
        <v>347101.43233333336</v>
      </c>
      <c r="P23" s="48">
        <v>349341.99233333336</v>
      </c>
      <c r="Q23" s="48">
        <v>338341.99233333336</v>
      </c>
      <c r="R23" s="48">
        <v>322253.82355333335</v>
      </c>
      <c r="S23" s="48">
        <v>302250.68157333339</v>
      </c>
      <c r="T23" s="48">
        <v>295435.81233333336</v>
      </c>
      <c r="U23" s="48">
        <v>293195.25233333337</v>
      </c>
      <c r="V23" s="48">
        <v>293195.25233333337</v>
      </c>
    </row>
    <row r="24" spans="1:22">
      <c r="A24" s="45"/>
      <c r="B24" s="45"/>
      <c r="C24" s="45"/>
      <c r="D24" s="45"/>
      <c r="E24" s="45"/>
      <c r="F24" s="45"/>
      <c r="G24" s="45"/>
      <c r="H24" s="45"/>
      <c r="I24" s="45"/>
      <c r="J24" s="45"/>
      <c r="K24" s="45"/>
      <c r="L24" s="45"/>
      <c r="M24" s="45"/>
      <c r="N24" s="45"/>
      <c r="O24" s="45"/>
      <c r="P24" s="45"/>
      <c r="Q24" s="45"/>
      <c r="R24" s="45"/>
      <c r="S24" s="45"/>
      <c r="T24" s="45"/>
      <c r="U24" s="45"/>
      <c r="V24" s="45"/>
    </row>
    <row r="25" spans="1:22">
      <c r="A25" s="51" t="s">
        <v>69</v>
      </c>
      <c r="B25" s="51"/>
      <c r="C25" s="54">
        <v>316020.28541731602</v>
      </c>
      <c r="D25" s="54">
        <v>237400.35343731602</v>
      </c>
      <c r="E25" s="54">
        <v>171968.69419731596</v>
      </c>
      <c r="F25" s="54">
        <v>103708.54419731617</v>
      </c>
      <c r="G25" s="54">
        <v>45091.754197316186</v>
      </c>
      <c r="H25" s="54">
        <v>198197.88446806622</v>
      </c>
      <c r="I25" s="54">
        <v>218201.02644806617</v>
      </c>
      <c r="J25" s="54">
        <v>225015.8956880662</v>
      </c>
      <c r="K25" s="54">
        <v>227256.4556880662</v>
      </c>
      <c r="L25" s="54">
        <v>216256.4556880662</v>
      </c>
      <c r="M25" s="54">
        <v>207571.086908066</v>
      </c>
      <c r="N25" s="54">
        <v>187567.94492806599</v>
      </c>
      <c r="O25" s="54">
        <v>180753.07568806602</v>
      </c>
      <c r="P25" s="54">
        <v>171109.71568806621</v>
      </c>
      <c r="Q25" s="54">
        <v>182109.71568806621</v>
      </c>
      <c r="R25" s="54">
        <v>198197.88446806622</v>
      </c>
      <c r="S25" s="54">
        <v>218201.02644806617</v>
      </c>
      <c r="T25" s="54">
        <v>225015.8956880662</v>
      </c>
      <c r="U25" s="54">
        <v>227256.4556880662</v>
      </c>
      <c r="V25" s="54">
        <v>227256.4556880662</v>
      </c>
    </row>
    <row r="26" spans="1:22">
      <c r="A26" s="45"/>
      <c r="B26" s="45"/>
      <c r="C26" s="45"/>
      <c r="D26" s="45"/>
      <c r="E26" s="45"/>
      <c r="F26" s="45"/>
      <c r="G26" s="45"/>
      <c r="H26" s="45"/>
      <c r="I26" s="45"/>
      <c r="J26" s="45"/>
      <c r="K26" s="45"/>
      <c r="L26" s="45"/>
      <c r="M26" s="45"/>
      <c r="N26" s="45"/>
      <c r="O26" s="45"/>
      <c r="P26" s="45"/>
      <c r="Q26" s="45"/>
      <c r="R26" s="45"/>
      <c r="S26" s="45"/>
      <c r="T26" s="45"/>
      <c r="U26" s="45"/>
      <c r="V26" s="45"/>
    </row>
    <row r="27" spans="1:22">
      <c r="A27" s="45" t="s">
        <v>70</v>
      </c>
      <c r="B27" s="45"/>
      <c r="C27" s="48">
        <v>107446.89704188745</v>
      </c>
      <c r="D27" s="48">
        <v>80716.120168687456</v>
      </c>
      <c r="E27" s="48">
        <v>58469.35602708743</v>
      </c>
      <c r="F27" s="48">
        <v>35260.905027087501</v>
      </c>
      <c r="G27" s="48">
        <v>15331.196427087505</v>
      </c>
      <c r="H27" s="48">
        <v>67387.280719142524</v>
      </c>
      <c r="I27" s="48">
        <v>74188.348992342508</v>
      </c>
      <c r="J27" s="48">
        <v>76505.404533942507</v>
      </c>
      <c r="K27" s="48">
        <v>77267.194933942519</v>
      </c>
      <c r="L27" s="48">
        <v>73527.194933942519</v>
      </c>
      <c r="M27" s="48">
        <v>70574.169548742444</v>
      </c>
      <c r="N27" s="48">
        <v>63773.101275542438</v>
      </c>
      <c r="O27" s="48">
        <v>61456.045733942454</v>
      </c>
      <c r="P27" s="48">
        <v>58177.303333942516</v>
      </c>
      <c r="Q27" s="48">
        <v>61917.303333942516</v>
      </c>
      <c r="R27" s="48">
        <v>67387.280719142524</v>
      </c>
      <c r="S27" s="48">
        <v>74188.348992342508</v>
      </c>
      <c r="T27" s="48">
        <v>76505.404533942507</v>
      </c>
      <c r="U27" s="48">
        <v>77267.194933942519</v>
      </c>
      <c r="V27" s="48">
        <v>77267.194933942519</v>
      </c>
    </row>
    <row r="28" spans="1:22">
      <c r="A28" s="45"/>
      <c r="B28" s="45"/>
      <c r="C28" s="45"/>
      <c r="D28" s="45"/>
      <c r="E28" s="45"/>
      <c r="F28" s="45"/>
      <c r="G28" s="45"/>
      <c r="H28" s="45"/>
      <c r="I28" s="45"/>
      <c r="J28" s="45"/>
      <c r="K28" s="45"/>
      <c r="L28" s="45"/>
      <c r="M28" s="45"/>
      <c r="N28" s="45"/>
      <c r="O28" s="45"/>
      <c r="P28" s="45"/>
      <c r="Q28" s="45"/>
      <c r="R28" s="45"/>
      <c r="S28" s="45"/>
      <c r="T28" s="45"/>
      <c r="U28" s="45"/>
      <c r="V28" s="45"/>
    </row>
    <row r="29" spans="1:22">
      <c r="A29" s="51" t="s">
        <v>71</v>
      </c>
      <c r="B29" s="51"/>
      <c r="C29" s="54">
        <v>208573.38837542856</v>
      </c>
      <c r="D29" s="54">
        <v>156684.23326862857</v>
      </c>
      <c r="E29" s="54">
        <v>113499.33817022853</v>
      </c>
      <c r="F29" s="54">
        <v>68447.639170228664</v>
      </c>
      <c r="G29" s="54">
        <v>29760.557770228683</v>
      </c>
      <c r="H29" s="54">
        <v>130810.60374892369</v>
      </c>
      <c r="I29" s="54">
        <v>144012.67745572366</v>
      </c>
      <c r="J29" s="54">
        <v>148510.49115412368</v>
      </c>
      <c r="K29" s="54">
        <v>149989.26075412368</v>
      </c>
      <c r="L29" s="54">
        <v>142729.26075412368</v>
      </c>
      <c r="M29" s="54">
        <v>136996.91735932356</v>
      </c>
      <c r="N29" s="54">
        <v>123794.84365252356</v>
      </c>
      <c r="O29" s="54">
        <v>119297.02995412357</v>
      </c>
      <c r="P29" s="54">
        <v>112932.41235412369</v>
      </c>
      <c r="Q29" s="54">
        <v>120192.41235412369</v>
      </c>
      <c r="R29" s="54">
        <v>130810.60374892369</v>
      </c>
      <c r="S29" s="54">
        <v>144012.67745572366</v>
      </c>
      <c r="T29" s="54">
        <v>148510.49115412368</v>
      </c>
      <c r="U29" s="54">
        <v>149989.26075412368</v>
      </c>
      <c r="V29" s="54">
        <v>149989.26075412368</v>
      </c>
    </row>
    <row r="30" spans="1:22">
      <c r="A30" s="45"/>
      <c r="B30" s="45"/>
      <c r="C30" s="45"/>
      <c r="D30" s="45"/>
      <c r="E30" s="45"/>
      <c r="F30" s="45"/>
      <c r="G30" s="45"/>
      <c r="H30" s="45"/>
      <c r="I30" s="45"/>
      <c r="J30" s="45"/>
      <c r="K30" s="45"/>
      <c r="L30" s="45"/>
      <c r="M30" s="45"/>
      <c r="N30" s="45"/>
      <c r="O30" s="45"/>
      <c r="P30" s="45"/>
      <c r="Q30" s="45"/>
      <c r="R30" s="45"/>
      <c r="S30" s="45"/>
      <c r="T30" s="45"/>
      <c r="U30" s="45"/>
      <c r="V30" s="45"/>
    </row>
    <row r="31" spans="1:22">
      <c r="A31" s="45" t="s">
        <v>72</v>
      </c>
      <c r="B31" s="45"/>
      <c r="C31" s="48">
        <v>211834.22260408339</v>
      </c>
      <c r="D31" s="48">
        <v>290454.15458408336</v>
      </c>
      <c r="E31" s="48">
        <v>355885.81382408342</v>
      </c>
      <c r="F31" s="48">
        <v>416743.1638240834</v>
      </c>
      <c r="G31" s="48">
        <v>475359.95382408338</v>
      </c>
      <c r="H31" s="48">
        <v>322253.82355333335</v>
      </c>
      <c r="I31" s="48">
        <v>302250.68157333339</v>
      </c>
      <c r="J31" s="48">
        <v>295435.81233333336</v>
      </c>
      <c r="K31" s="48">
        <v>293195.25233333337</v>
      </c>
      <c r="L31" s="48">
        <v>304195.25233333337</v>
      </c>
      <c r="M31" s="48">
        <v>320283.42111333337</v>
      </c>
      <c r="N31" s="48">
        <v>340286.56309333339</v>
      </c>
      <c r="O31" s="48">
        <v>347101.43233333336</v>
      </c>
      <c r="P31" s="48">
        <v>349341.99233333336</v>
      </c>
      <c r="Q31" s="48">
        <v>338341.99233333336</v>
      </c>
      <c r="R31" s="48">
        <v>322253.82355333335</v>
      </c>
      <c r="S31" s="48">
        <v>302250.68157333339</v>
      </c>
      <c r="T31" s="48">
        <v>295435.81233333336</v>
      </c>
      <c r="U31" s="48">
        <v>293195.25233333337</v>
      </c>
      <c r="V31" s="48">
        <v>293195.25233333337</v>
      </c>
    </row>
    <row r="32" spans="1:22">
      <c r="A32" s="45"/>
      <c r="B32" s="45"/>
      <c r="C32" s="45"/>
      <c r="D32" s="45"/>
      <c r="E32" s="45"/>
      <c r="F32" s="45"/>
      <c r="G32" s="45"/>
      <c r="H32" s="45"/>
      <c r="I32" s="45"/>
      <c r="J32" s="45"/>
      <c r="K32" s="45"/>
      <c r="L32" s="45"/>
      <c r="M32" s="45"/>
      <c r="N32" s="45"/>
      <c r="O32" s="45"/>
      <c r="P32" s="45"/>
      <c r="Q32" s="45"/>
      <c r="R32" s="45"/>
      <c r="S32" s="45"/>
      <c r="T32" s="45"/>
      <c r="U32" s="45"/>
      <c r="V32" s="45"/>
    </row>
    <row r="33" spans="1:22">
      <c r="A33" s="51" t="s">
        <v>73</v>
      </c>
      <c r="B33" s="51"/>
      <c r="C33" s="54">
        <v>420407.61097951198</v>
      </c>
      <c r="D33" s="54">
        <v>447138.38785271195</v>
      </c>
      <c r="E33" s="54">
        <v>469385.15199431195</v>
      </c>
      <c r="F33" s="54">
        <v>485190.80299431208</v>
      </c>
      <c r="G33" s="54">
        <v>505120.51159431203</v>
      </c>
      <c r="H33" s="54">
        <v>453064.42730225704</v>
      </c>
      <c r="I33" s="54">
        <v>446263.35902905709</v>
      </c>
      <c r="J33" s="54">
        <v>443946.30348745704</v>
      </c>
      <c r="K33" s="54">
        <v>443184.51308745705</v>
      </c>
      <c r="L33" s="54">
        <v>446924.51308745705</v>
      </c>
      <c r="M33" s="54">
        <v>457280.33847265691</v>
      </c>
      <c r="N33" s="54">
        <v>464081.40674585698</v>
      </c>
      <c r="O33" s="54">
        <v>466398.46228745696</v>
      </c>
      <c r="P33" s="54">
        <v>462274.40468745702</v>
      </c>
      <c r="Q33" s="54">
        <v>458534.40468745702</v>
      </c>
      <c r="R33" s="54">
        <v>453064.42730225704</v>
      </c>
      <c r="S33" s="54">
        <v>446263.35902905709</v>
      </c>
      <c r="T33" s="54">
        <v>443946.30348745704</v>
      </c>
      <c r="U33" s="54">
        <v>443184.51308745705</v>
      </c>
      <c r="V33" s="54">
        <v>443184.51308745705</v>
      </c>
    </row>
    <row r="34" spans="1:22">
      <c r="A34" s="45"/>
      <c r="B34" s="45"/>
      <c r="C34" s="45"/>
      <c r="D34" s="45"/>
      <c r="E34" s="45"/>
      <c r="F34" s="45"/>
      <c r="G34" s="45"/>
      <c r="H34" s="45"/>
      <c r="I34" s="45"/>
      <c r="J34" s="45"/>
      <c r="K34" s="45"/>
      <c r="L34" s="45"/>
      <c r="M34" s="45"/>
      <c r="N34" s="45"/>
      <c r="O34" s="45"/>
      <c r="P34" s="45"/>
      <c r="Q34" s="45"/>
      <c r="R34" s="45"/>
      <c r="S34" s="45"/>
      <c r="T34" s="45"/>
      <c r="U34" s="45"/>
      <c r="V34" s="45"/>
    </row>
    <row r="35" spans="1:22">
      <c r="A35" s="45" t="s">
        <v>74</v>
      </c>
      <c r="B35" s="53">
        <v>1359238.5593541218</v>
      </c>
      <c r="C35" s="53">
        <v>373524.79389999999</v>
      </c>
      <c r="D35" s="53">
        <v>393099.65989999997</v>
      </c>
      <c r="E35" s="53">
        <v>327158.29619999998</v>
      </c>
      <c r="F35" s="53">
        <v>304286.75</v>
      </c>
      <c r="G35" s="53">
        <v>293083.95</v>
      </c>
      <c r="H35" s="53">
        <v>293083.95</v>
      </c>
      <c r="I35" s="53">
        <v>293083.95</v>
      </c>
      <c r="J35" s="53">
        <v>293083.95</v>
      </c>
      <c r="K35" s="53">
        <v>293083.95</v>
      </c>
      <c r="L35" s="53">
        <v>348083.95</v>
      </c>
      <c r="M35" s="53">
        <v>373524.79389999999</v>
      </c>
      <c r="N35" s="53">
        <v>393099.65989999997</v>
      </c>
      <c r="O35" s="53">
        <v>327158.29619999998</v>
      </c>
      <c r="P35" s="53">
        <v>304286.75</v>
      </c>
      <c r="Q35" s="53">
        <v>293083.95</v>
      </c>
      <c r="R35" s="53">
        <v>293083.95</v>
      </c>
      <c r="S35" s="53">
        <v>293083.95</v>
      </c>
      <c r="T35" s="53">
        <v>293083.95</v>
      </c>
      <c r="U35" s="53">
        <v>293083.95</v>
      </c>
      <c r="V35" s="53">
        <v>231847.1672508787</v>
      </c>
    </row>
    <row r="36" spans="1:22">
      <c r="A36" s="55" t="s">
        <v>75</v>
      </c>
      <c r="B36" s="54">
        <v>1260231.6766050004</v>
      </c>
      <c r="C36" s="54">
        <v>293083.95</v>
      </c>
      <c r="D36" s="54">
        <v>293083.95</v>
      </c>
      <c r="E36" s="54">
        <v>293083.95</v>
      </c>
      <c r="F36" s="54">
        <v>293083.95</v>
      </c>
      <c r="G36" s="54">
        <v>293083.95</v>
      </c>
      <c r="H36" s="54">
        <v>293083.95</v>
      </c>
      <c r="I36" s="54">
        <v>293083.95</v>
      </c>
      <c r="J36" s="54">
        <v>293083.95</v>
      </c>
      <c r="K36" s="54">
        <v>293083.95</v>
      </c>
      <c r="L36" s="54">
        <v>293083.95</v>
      </c>
      <c r="M36" s="54">
        <v>293083.95</v>
      </c>
      <c r="N36" s="54">
        <v>293083.95</v>
      </c>
      <c r="O36" s="54">
        <v>293083.95</v>
      </c>
      <c r="P36" s="54">
        <v>293083.95</v>
      </c>
      <c r="Q36" s="54">
        <v>293083.95</v>
      </c>
      <c r="R36" s="54">
        <v>293083.95</v>
      </c>
      <c r="S36" s="54">
        <v>293083.95</v>
      </c>
      <c r="T36" s="54">
        <v>293083.95</v>
      </c>
      <c r="U36" s="54">
        <v>293083.95</v>
      </c>
      <c r="V36" s="54">
        <v>293083.95</v>
      </c>
    </row>
    <row r="37" spans="1:22">
      <c r="A37" s="56" t="s">
        <v>76</v>
      </c>
      <c r="B37" s="48">
        <v>33000</v>
      </c>
      <c r="C37" s="48">
        <v>80440.843899999993</v>
      </c>
      <c r="D37" s="48">
        <v>100015.70989999999</v>
      </c>
      <c r="E37" s="48">
        <v>34074.3462</v>
      </c>
      <c r="F37" s="48">
        <v>11202.8</v>
      </c>
      <c r="G37" s="48">
        <v>0</v>
      </c>
      <c r="H37" s="48">
        <v>0</v>
      </c>
      <c r="I37" s="48">
        <v>0</v>
      </c>
      <c r="J37" s="48">
        <v>0</v>
      </c>
      <c r="K37" s="48">
        <v>0</v>
      </c>
      <c r="L37" s="48">
        <v>55000</v>
      </c>
      <c r="M37" s="48">
        <v>80440.843899999993</v>
      </c>
      <c r="N37" s="48">
        <v>100015.70989999999</v>
      </c>
      <c r="O37" s="48">
        <v>34074.3462</v>
      </c>
      <c r="P37" s="48">
        <v>11202.8</v>
      </c>
      <c r="Q37" s="48">
        <v>0</v>
      </c>
      <c r="R37" s="48">
        <v>0</v>
      </c>
      <c r="S37" s="48">
        <v>0</v>
      </c>
      <c r="T37" s="48">
        <v>0</v>
      </c>
      <c r="U37" s="48">
        <v>0</v>
      </c>
      <c r="V37" s="48">
        <v>0</v>
      </c>
    </row>
    <row r="38" spans="1:22">
      <c r="A38" s="55" t="s">
        <v>77</v>
      </c>
      <c r="B38" s="57">
        <v>4770.1000000000004</v>
      </c>
      <c r="C38" s="51">
        <v>0</v>
      </c>
      <c r="D38" s="51">
        <v>0</v>
      </c>
      <c r="E38" s="51">
        <v>0</v>
      </c>
      <c r="F38" s="51">
        <v>0</v>
      </c>
      <c r="G38" s="51">
        <v>0</v>
      </c>
      <c r="H38" s="51">
        <v>0</v>
      </c>
      <c r="I38" s="51">
        <v>0</v>
      </c>
      <c r="J38" s="51">
        <v>0</v>
      </c>
      <c r="K38" s="51">
        <v>0</v>
      </c>
      <c r="L38" s="51">
        <v>0</v>
      </c>
      <c r="M38" s="51"/>
      <c r="N38" s="51"/>
      <c r="O38" s="51"/>
      <c r="P38" s="51"/>
      <c r="Q38" s="51"/>
      <c r="R38" s="51"/>
      <c r="S38" s="51"/>
      <c r="T38" s="51"/>
      <c r="U38" s="51"/>
      <c r="V38" s="51"/>
    </row>
    <row r="39" spans="1:22">
      <c r="A39" s="56" t="s">
        <v>78</v>
      </c>
      <c r="B39" s="48">
        <v>61236.782749121325</v>
      </c>
      <c r="C39" s="45">
        <v>0</v>
      </c>
      <c r="D39" s="45">
        <v>0</v>
      </c>
      <c r="E39" s="45">
        <v>0</v>
      </c>
      <c r="F39" s="45">
        <v>0</v>
      </c>
      <c r="G39" s="45">
        <v>0</v>
      </c>
      <c r="H39" s="45">
        <v>0</v>
      </c>
      <c r="I39" s="45">
        <v>0</v>
      </c>
      <c r="J39" s="45">
        <v>0</v>
      </c>
      <c r="K39" s="45">
        <v>0</v>
      </c>
      <c r="L39" s="53">
        <v>0</v>
      </c>
      <c r="M39" s="53">
        <v>0</v>
      </c>
      <c r="N39" s="53">
        <v>0</v>
      </c>
      <c r="O39" s="53">
        <v>0</v>
      </c>
      <c r="P39" s="53">
        <v>0</v>
      </c>
      <c r="Q39" s="53">
        <v>0</v>
      </c>
      <c r="R39" s="53">
        <v>0</v>
      </c>
      <c r="S39" s="53">
        <v>0</v>
      </c>
      <c r="T39" s="53">
        <v>0</v>
      </c>
      <c r="U39" s="53">
        <v>0</v>
      </c>
      <c r="V39" s="53">
        <v>-61236.782749121325</v>
      </c>
    </row>
    <row r="40" spans="1:22">
      <c r="A40" s="45"/>
      <c r="B40" s="45"/>
      <c r="C40" s="45"/>
      <c r="D40" s="45"/>
      <c r="E40" s="45"/>
      <c r="F40" s="45"/>
      <c r="G40" s="45"/>
      <c r="H40" s="45"/>
      <c r="I40" s="45"/>
      <c r="J40" s="45"/>
      <c r="K40" s="45"/>
      <c r="L40" s="45"/>
      <c r="M40" s="45"/>
      <c r="N40" s="45"/>
      <c r="O40" s="45"/>
      <c r="P40" s="45"/>
      <c r="Q40" s="45"/>
      <c r="R40" s="45"/>
      <c r="S40" s="45"/>
      <c r="T40" s="45"/>
      <c r="U40" s="45"/>
      <c r="V40" s="45"/>
    </row>
    <row r="41" spans="1:22">
      <c r="A41" s="51" t="s">
        <v>79</v>
      </c>
      <c r="B41" s="52">
        <v>0</v>
      </c>
      <c r="C41" s="52">
        <v>12456.067875000001</v>
      </c>
      <c r="D41" s="52">
        <v>12456.067875000001</v>
      </c>
      <c r="E41" s="52">
        <v>12456.067875000001</v>
      </c>
      <c r="F41" s="52">
        <v>12456.067875000001</v>
      </c>
      <c r="G41" s="52">
        <v>12456.067875000001</v>
      </c>
      <c r="H41" s="52">
        <v>12456.067875000001</v>
      </c>
      <c r="I41" s="52">
        <v>12456.067875000001</v>
      </c>
      <c r="J41" s="52">
        <v>12456.067875000001</v>
      </c>
      <c r="K41" s="52">
        <v>12456.067875000001</v>
      </c>
      <c r="L41" s="52">
        <v>12456.067875000001</v>
      </c>
      <c r="M41" s="52">
        <v>12456.067875000001</v>
      </c>
      <c r="N41" s="52">
        <v>12456.067875000001</v>
      </c>
      <c r="O41" s="52">
        <v>12456.067875000001</v>
      </c>
      <c r="P41" s="52">
        <v>12456.067875000001</v>
      </c>
      <c r="Q41" s="52">
        <v>12456.067875000001</v>
      </c>
      <c r="R41" s="52">
        <v>12456.067875000001</v>
      </c>
      <c r="S41" s="52">
        <v>12456.067875000001</v>
      </c>
      <c r="T41" s="52">
        <v>12456.067875000001</v>
      </c>
      <c r="U41" s="52">
        <v>12456.067875000001</v>
      </c>
      <c r="V41" s="52">
        <v>849531.75669758336</v>
      </c>
    </row>
    <row r="42" spans="1:22">
      <c r="A42" s="45" t="s">
        <v>80</v>
      </c>
      <c r="B42" s="45"/>
      <c r="C42" s="53">
        <v>12456.067875000001</v>
      </c>
      <c r="D42" s="53">
        <v>12456.067875000001</v>
      </c>
      <c r="E42" s="53">
        <v>12456.067875000001</v>
      </c>
      <c r="F42" s="53">
        <v>12456.067875000001</v>
      </c>
      <c r="G42" s="53">
        <v>12456.067875000001</v>
      </c>
      <c r="H42" s="53">
        <v>12456.067875000001</v>
      </c>
      <c r="I42" s="53">
        <v>12456.067875000001</v>
      </c>
      <c r="J42" s="53">
        <v>12456.067875000001</v>
      </c>
      <c r="K42" s="53">
        <v>12456.067875000001</v>
      </c>
      <c r="L42" s="53">
        <v>12456.067875000001</v>
      </c>
      <c r="M42" s="53">
        <v>12456.067875000001</v>
      </c>
      <c r="N42" s="53">
        <v>12456.067875000001</v>
      </c>
      <c r="O42" s="53">
        <v>12456.067875000001</v>
      </c>
      <c r="P42" s="53">
        <v>12456.067875000001</v>
      </c>
      <c r="Q42" s="53">
        <v>12456.067875000001</v>
      </c>
      <c r="R42" s="53">
        <v>12456.067875000001</v>
      </c>
      <c r="S42" s="53">
        <v>12456.067875000001</v>
      </c>
      <c r="T42" s="53">
        <v>12456.067875000001</v>
      </c>
      <c r="U42" s="53">
        <v>12456.067875000001</v>
      </c>
      <c r="V42" s="53">
        <v>846987.70336425002</v>
      </c>
    </row>
    <row r="43" spans="1:22">
      <c r="A43" s="51" t="s">
        <v>81</v>
      </c>
      <c r="B43" s="51"/>
      <c r="C43" s="51">
        <v>0</v>
      </c>
      <c r="D43" s="51">
        <v>0</v>
      </c>
      <c r="E43" s="51">
        <v>0</v>
      </c>
      <c r="F43" s="51">
        <v>0</v>
      </c>
      <c r="G43" s="51">
        <v>0</v>
      </c>
      <c r="H43" s="51">
        <v>0</v>
      </c>
      <c r="I43" s="51">
        <v>0</v>
      </c>
      <c r="J43" s="51">
        <v>0</v>
      </c>
      <c r="K43" s="51">
        <v>0</v>
      </c>
      <c r="L43" s="51">
        <v>0</v>
      </c>
      <c r="M43" s="51">
        <v>0</v>
      </c>
      <c r="N43" s="51">
        <v>0</v>
      </c>
      <c r="O43" s="51">
        <v>0</v>
      </c>
      <c r="P43" s="51">
        <v>0</v>
      </c>
      <c r="Q43" s="54">
        <v>0</v>
      </c>
      <c r="R43" s="54">
        <v>0</v>
      </c>
      <c r="S43" s="54">
        <v>0</v>
      </c>
      <c r="T43" s="54">
        <v>0</v>
      </c>
      <c r="U43" s="54">
        <v>0</v>
      </c>
      <c r="V43" s="54">
        <v>2544.0533333333337</v>
      </c>
    </row>
    <row r="44" spans="1:22">
      <c r="A44" s="45"/>
      <c r="B44" s="45"/>
      <c r="C44" s="45"/>
      <c r="D44" s="45"/>
      <c r="E44" s="45"/>
      <c r="F44" s="45"/>
      <c r="G44" s="45"/>
      <c r="H44" s="45"/>
      <c r="I44" s="45"/>
      <c r="J44" s="45"/>
      <c r="K44" s="45"/>
      <c r="L44" s="45"/>
      <c r="M44" s="45"/>
      <c r="N44" s="45"/>
      <c r="O44" s="45"/>
      <c r="P44" s="45"/>
      <c r="Q44" s="45"/>
      <c r="R44" s="45"/>
      <c r="S44" s="45"/>
      <c r="T44" s="45"/>
      <c r="U44" s="45"/>
      <c r="V44" s="45"/>
    </row>
    <row r="45" spans="1:22">
      <c r="A45" s="59" t="s">
        <v>82</v>
      </c>
      <c r="B45" s="60">
        <v>-1359238.5593541218</v>
      </c>
      <c r="C45" s="60">
        <v>59338.884954511996</v>
      </c>
      <c r="D45" s="60">
        <v>66494.795827711991</v>
      </c>
      <c r="E45" s="60">
        <v>154682.92366931197</v>
      </c>
      <c r="F45" s="60">
        <v>193360.12086931209</v>
      </c>
      <c r="G45" s="60">
        <v>224492.62946931203</v>
      </c>
      <c r="H45" s="60">
        <v>172436.54517725704</v>
      </c>
      <c r="I45" s="60">
        <v>165635.47690405708</v>
      </c>
      <c r="J45" s="60">
        <v>163318.42136245704</v>
      </c>
      <c r="K45" s="60">
        <v>162556.63096245704</v>
      </c>
      <c r="L45" s="60">
        <v>111296.63096245704</v>
      </c>
      <c r="M45" s="60">
        <v>96211.612447656924</v>
      </c>
      <c r="N45" s="60">
        <v>83437.814720857015</v>
      </c>
      <c r="O45" s="60">
        <v>151696.23396245699</v>
      </c>
      <c r="P45" s="60">
        <v>170443.72256245703</v>
      </c>
      <c r="Q45" s="60">
        <v>177906.52256245702</v>
      </c>
      <c r="R45" s="60">
        <v>172436.54517725704</v>
      </c>
      <c r="S45" s="60">
        <v>165635.47690405708</v>
      </c>
      <c r="T45" s="60">
        <v>163318.42136245704</v>
      </c>
      <c r="U45" s="60">
        <v>162556.63096245704</v>
      </c>
      <c r="V45" s="60">
        <v>1060869.1025341616</v>
      </c>
    </row>
    <row r="46" spans="1:22">
      <c r="A46" s="45"/>
      <c r="B46" s="45"/>
      <c r="C46" s="53"/>
      <c r="D46" s="53"/>
      <c r="E46" s="53"/>
      <c r="F46" s="53"/>
      <c r="G46" s="53"/>
      <c r="H46" s="53"/>
      <c r="I46" s="53"/>
      <c r="J46" s="53"/>
      <c r="K46" s="53"/>
      <c r="L46" s="53"/>
      <c r="M46" s="53"/>
      <c r="N46" s="53"/>
      <c r="O46" s="53"/>
      <c r="P46" s="53"/>
      <c r="Q46" s="53"/>
      <c r="R46" s="53"/>
      <c r="S46" s="53"/>
      <c r="T46" s="53"/>
      <c r="U46" s="53"/>
      <c r="V46" s="53"/>
    </row>
    <row r="47" spans="1:22">
      <c r="A47" s="39"/>
      <c r="B47" s="45"/>
      <c r="C47" s="45"/>
      <c r="D47" s="45"/>
      <c r="E47" s="45"/>
      <c r="F47" s="45"/>
      <c r="G47" s="45"/>
      <c r="H47" s="45"/>
      <c r="I47" s="45"/>
      <c r="J47" s="45"/>
      <c r="K47" s="45"/>
      <c r="L47" s="45"/>
      <c r="M47" s="45"/>
      <c r="N47" s="45"/>
      <c r="O47" s="45"/>
      <c r="P47" s="45"/>
      <c r="Q47" s="45"/>
      <c r="R47" s="45"/>
      <c r="S47" s="45"/>
      <c r="T47" s="45"/>
      <c r="U47" s="45"/>
      <c r="V47" s="45"/>
    </row>
    <row r="48" spans="1:22">
      <c r="A48" s="45"/>
      <c r="B48" s="45"/>
      <c r="C48" s="45"/>
      <c r="D48" s="45"/>
      <c r="E48" s="45"/>
      <c r="F48" s="45"/>
      <c r="G48" s="45"/>
      <c r="H48" s="45"/>
      <c r="I48" s="45"/>
      <c r="J48" s="45"/>
      <c r="K48" s="45"/>
      <c r="L48" s="45"/>
      <c r="M48" s="45"/>
      <c r="N48" s="45"/>
      <c r="O48" s="45"/>
      <c r="P48" s="45"/>
      <c r="Q48" s="45"/>
      <c r="R48" s="45"/>
      <c r="S48" s="45"/>
      <c r="T48" s="45"/>
      <c r="U48" s="45"/>
      <c r="V48" s="45"/>
    </row>
    <row r="49" spans="1:22" ht="12" thickBot="1"/>
    <row r="50" spans="1:22" ht="16.5" thickBot="1">
      <c r="A50" s="184" t="s">
        <v>57</v>
      </c>
      <c r="B50" s="185">
        <v>9.8500000000000004E-2</v>
      </c>
      <c r="C50" s="45"/>
      <c r="D50" s="45"/>
      <c r="E50" s="45"/>
      <c r="F50" s="45"/>
      <c r="G50" s="45"/>
      <c r="H50" s="45"/>
      <c r="I50" s="45"/>
      <c r="J50" s="45"/>
      <c r="K50" s="45"/>
      <c r="L50" s="45"/>
      <c r="M50" s="45"/>
      <c r="N50" s="45"/>
      <c r="O50" s="45"/>
      <c r="P50" s="45"/>
      <c r="Q50" s="45"/>
      <c r="R50" s="45"/>
      <c r="S50" s="45"/>
      <c r="T50" s="45"/>
      <c r="U50" s="45"/>
      <c r="V50" s="45"/>
    </row>
    <row r="51" spans="1:22">
      <c r="A51" s="45"/>
      <c r="B51" s="62"/>
      <c r="C51" s="45"/>
      <c r="D51" s="45"/>
      <c r="E51" s="45"/>
      <c r="F51" s="45"/>
      <c r="G51" s="45"/>
      <c r="H51" s="45"/>
      <c r="I51" s="45"/>
      <c r="J51" s="45"/>
      <c r="K51" s="45"/>
      <c r="L51" s="45"/>
      <c r="M51" s="63"/>
      <c r="N51" s="45"/>
      <c r="O51" s="45"/>
      <c r="P51" s="45"/>
      <c r="Q51" s="45"/>
      <c r="R51" s="45"/>
      <c r="S51" s="45"/>
      <c r="T51" s="45"/>
      <c r="U51" s="45"/>
      <c r="V51" s="45"/>
    </row>
    <row r="52" spans="1:22">
      <c r="A52" s="45"/>
      <c r="B52" s="62"/>
      <c r="C52" s="45"/>
      <c r="D52" s="45"/>
      <c r="E52" s="45"/>
      <c r="F52" s="45"/>
      <c r="G52" s="45"/>
      <c r="H52" s="45"/>
      <c r="I52" s="45"/>
      <c r="J52" s="45"/>
      <c r="K52" s="45"/>
      <c r="L52" s="45"/>
      <c r="M52" s="63"/>
      <c r="N52" s="45"/>
      <c r="O52" s="45"/>
      <c r="P52" s="45"/>
      <c r="Q52" s="45"/>
      <c r="R52" s="45"/>
      <c r="S52" s="45"/>
      <c r="T52" s="45"/>
      <c r="U52" s="45"/>
      <c r="V52" s="45"/>
    </row>
    <row r="53" spans="1:22">
      <c r="A53" s="45"/>
      <c r="B53" s="45"/>
      <c r="C53" s="45"/>
      <c r="D53" s="45"/>
      <c r="E53" s="45"/>
      <c r="F53" s="45"/>
      <c r="G53" s="45"/>
      <c r="H53" s="45"/>
      <c r="I53" s="45"/>
      <c r="J53" s="45"/>
      <c r="K53" s="45"/>
      <c r="L53" s="45"/>
      <c r="M53" s="45"/>
      <c r="N53" s="45"/>
      <c r="O53" s="45"/>
      <c r="P53" s="45"/>
      <c r="Q53" s="45"/>
      <c r="R53" s="45"/>
      <c r="S53" s="45"/>
      <c r="T53" s="45"/>
      <c r="U53" s="45"/>
      <c r="V53" s="45"/>
    </row>
    <row r="54" spans="1:22" ht="18">
      <c r="A54" s="183" t="s">
        <v>155</v>
      </c>
      <c r="B54" s="45"/>
      <c r="C54" s="45"/>
      <c r="D54" s="45"/>
      <c r="E54" s="45"/>
      <c r="F54" s="45"/>
      <c r="G54" s="45"/>
      <c r="H54" s="45"/>
      <c r="I54" s="45"/>
      <c r="J54" s="45"/>
      <c r="K54" s="45"/>
      <c r="L54" s="45"/>
      <c r="M54" s="45"/>
      <c r="N54" s="45"/>
      <c r="O54" s="45"/>
      <c r="P54" s="45"/>
      <c r="Q54" s="45"/>
      <c r="R54" s="45"/>
      <c r="S54" s="45"/>
      <c r="T54" s="45"/>
      <c r="U54" s="45"/>
      <c r="V54" s="45"/>
    </row>
    <row r="55" spans="1:22">
      <c r="A55" s="64" t="s">
        <v>83</v>
      </c>
      <c r="B55" s="65"/>
      <c r="C55" s="66">
        <v>211834.22260408339</v>
      </c>
      <c r="D55" s="67">
        <v>290454.15458408336</v>
      </c>
      <c r="E55" s="67">
        <v>355885.81382408342</v>
      </c>
      <c r="F55" s="67">
        <v>416743.1638240834</v>
      </c>
      <c r="G55" s="67">
        <v>475359.95382408338</v>
      </c>
      <c r="H55" s="67">
        <v>322253.82355333335</v>
      </c>
      <c r="I55" s="67">
        <v>302250.68157333339</v>
      </c>
      <c r="J55" s="67">
        <v>295435.81233333336</v>
      </c>
      <c r="K55" s="67">
        <v>293195.25233333337</v>
      </c>
      <c r="L55" s="67">
        <v>304195.25233333337</v>
      </c>
      <c r="M55" s="67">
        <v>320283.42111333337</v>
      </c>
      <c r="N55" s="67">
        <v>340286.56309333339</v>
      </c>
      <c r="O55" s="67">
        <v>347101.43233333336</v>
      </c>
      <c r="P55" s="67">
        <v>349341.99233333336</v>
      </c>
      <c r="Q55" s="67">
        <v>338341.99233333336</v>
      </c>
      <c r="R55" s="67">
        <v>322253.82355333335</v>
      </c>
      <c r="S55" s="67">
        <v>302250.68157333339</v>
      </c>
      <c r="T55" s="67">
        <v>295435.81233333336</v>
      </c>
      <c r="U55" s="67">
        <v>293195.25233333337</v>
      </c>
      <c r="V55" s="68">
        <v>293195.25233333337</v>
      </c>
    </row>
    <row r="56" spans="1:22">
      <c r="A56" s="69" t="s">
        <v>84</v>
      </c>
      <c r="B56" s="70"/>
      <c r="C56" s="72">
        <v>189034.75149075006</v>
      </c>
      <c r="D56" s="72">
        <v>247651.54149075007</v>
      </c>
      <c r="E56" s="72">
        <v>306268.33149075008</v>
      </c>
      <c r="F56" s="72">
        <v>364885.12149075005</v>
      </c>
      <c r="G56" s="72">
        <v>423501.91149075003</v>
      </c>
      <c r="H56" s="72">
        <v>293083.95</v>
      </c>
      <c r="I56" s="72">
        <v>293083.95</v>
      </c>
      <c r="J56" s="72">
        <v>293083.95</v>
      </c>
      <c r="K56" s="72">
        <v>293083.95</v>
      </c>
      <c r="L56" s="72">
        <v>293083.95</v>
      </c>
      <c r="M56" s="72">
        <v>293083.95</v>
      </c>
      <c r="N56" s="72">
        <v>293083.95</v>
      </c>
      <c r="O56" s="72">
        <v>293083.95</v>
      </c>
      <c r="P56" s="72">
        <v>293083.95</v>
      </c>
      <c r="Q56" s="72">
        <v>293083.95</v>
      </c>
      <c r="R56" s="72">
        <v>293083.95</v>
      </c>
      <c r="S56" s="72">
        <v>293083.95</v>
      </c>
      <c r="T56" s="72">
        <v>293083.95</v>
      </c>
      <c r="U56" s="72">
        <v>293083.95</v>
      </c>
      <c r="V56" s="73">
        <v>293083.95</v>
      </c>
    </row>
    <row r="57" spans="1:22">
      <c r="A57" s="74" t="s">
        <v>85</v>
      </c>
      <c r="B57" s="45"/>
      <c r="C57" s="48">
        <v>111.30233333333334</v>
      </c>
      <c r="D57" s="48">
        <v>111.30233333333334</v>
      </c>
      <c r="E57" s="48">
        <v>111.30233333333334</v>
      </c>
      <c r="F57" s="48">
        <v>111.30233333333334</v>
      </c>
      <c r="G57" s="48">
        <v>111.30233333333334</v>
      </c>
      <c r="H57" s="48">
        <v>111.30233333333334</v>
      </c>
      <c r="I57" s="48">
        <v>111.30233333333334</v>
      </c>
      <c r="J57" s="48">
        <v>111.30233333333334</v>
      </c>
      <c r="K57" s="48">
        <v>111.30233333333334</v>
      </c>
      <c r="L57" s="48">
        <v>111.30233333333334</v>
      </c>
      <c r="M57" s="48">
        <v>111.30233333333334</v>
      </c>
      <c r="N57" s="48">
        <v>111.30233333333334</v>
      </c>
      <c r="O57" s="48">
        <v>111.30233333333334</v>
      </c>
      <c r="P57" s="48">
        <v>111.30233333333334</v>
      </c>
      <c r="Q57" s="48">
        <v>111.30233333333334</v>
      </c>
      <c r="R57" s="48">
        <v>111.30233333333334</v>
      </c>
      <c r="S57" s="48">
        <v>111.30233333333334</v>
      </c>
      <c r="T57" s="48">
        <v>111.30233333333334</v>
      </c>
      <c r="U57" s="48">
        <v>111.30233333333334</v>
      </c>
      <c r="V57" s="48">
        <v>111.30233333333334</v>
      </c>
    </row>
    <row r="58" spans="1:22">
      <c r="A58" s="77" t="s">
        <v>86</v>
      </c>
      <c r="B58" s="78"/>
      <c r="C58" s="80">
        <v>22688.16878</v>
      </c>
      <c r="D58" s="80">
        <v>42691.310759999993</v>
      </c>
      <c r="E58" s="80">
        <v>49506.179999999993</v>
      </c>
      <c r="F58" s="80">
        <v>51746.739999999991</v>
      </c>
      <c r="G58" s="80">
        <v>51746.739999999991</v>
      </c>
      <c r="H58" s="80">
        <v>29058.571219999998</v>
      </c>
      <c r="I58" s="80">
        <v>9055.4292399999995</v>
      </c>
      <c r="J58" s="80">
        <v>2240.56</v>
      </c>
      <c r="K58" s="80">
        <v>0</v>
      </c>
      <c r="L58" s="80">
        <v>11000</v>
      </c>
      <c r="M58" s="80">
        <v>27088.16878</v>
      </c>
      <c r="N58" s="80">
        <v>47091.310759999993</v>
      </c>
      <c r="O58" s="80">
        <v>53906.179999999993</v>
      </c>
      <c r="P58" s="80">
        <v>56146.739999999991</v>
      </c>
      <c r="Q58" s="80">
        <v>45146.739999999991</v>
      </c>
      <c r="R58" s="80">
        <v>29058.571219999998</v>
      </c>
      <c r="S58" s="80">
        <v>9055.4292399999995</v>
      </c>
      <c r="T58" s="80">
        <v>2240.56</v>
      </c>
      <c r="U58" s="80">
        <v>0</v>
      </c>
      <c r="V58" s="81">
        <v>0</v>
      </c>
    </row>
    <row r="88" spans="11:11" ht="12.75">
      <c r="K88" s="172" t="s">
        <v>174</v>
      </c>
    </row>
  </sheetData>
  <pageMargins left="0.19685039370078741" right="0.17" top="0.19685039370078741" bottom="0.19685039370078741" header="0.31496062992125984" footer="0.15748031496062992"/>
  <pageSetup paperSize="9" scale="55" fitToWidth="2" orientation="landscape" r:id="rId1"/>
  <drawing r:id="rId2"/>
</worksheet>
</file>

<file path=xl/worksheets/sheet6.xml><?xml version="1.0" encoding="utf-8"?>
<worksheet xmlns="http://schemas.openxmlformats.org/spreadsheetml/2006/main" xmlns:r="http://schemas.openxmlformats.org/officeDocument/2006/relationships">
  <sheetPr codeName="Plan12"/>
  <dimension ref="A1:V88"/>
  <sheetViews>
    <sheetView view="pageBreakPreview" topLeftCell="A43" zoomScale="80" zoomScaleNormal="100" zoomScaleSheetLayoutView="80" workbookViewId="0">
      <selection activeCell="K89" sqref="K89"/>
    </sheetView>
  </sheetViews>
  <sheetFormatPr defaultRowHeight="11.25"/>
  <cols>
    <col min="1" max="1" width="34.85546875" style="2" customWidth="1"/>
    <col min="2" max="2" width="11.85546875" style="2" bestFit="1" customWidth="1"/>
    <col min="3" max="3" width="11.5703125" style="2" bestFit="1" customWidth="1"/>
    <col min="4" max="22" width="10.5703125" style="2" customWidth="1"/>
    <col min="23" max="23" width="9.140625" style="2"/>
    <col min="24" max="25" width="0" style="2" hidden="1" customWidth="1"/>
    <col min="26" max="16384" width="9.140625" style="2"/>
  </cols>
  <sheetData>
    <row r="1" spans="1:22" ht="18">
      <c r="A1" s="165" t="s">
        <v>88</v>
      </c>
    </row>
    <row r="4" spans="1:22" ht="18">
      <c r="A4" s="165" t="s">
        <v>152</v>
      </c>
    </row>
    <row r="5" spans="1:22" ht="15.75">
      <c r="A5" s="173" t="s">
        <v>47</v>
      </c>
    </row>
    <row r="6" spans="1:22" ht="15.75">
      <c r="A6" s="173" t="s">
        <v>153</v>
      </c>
    </row>
    <row r="7" spans="1:22" ht="12.75">
      <c r="A7" s="174" t="s">
        <v>56</v>
      </c>
      <c r="B7" s="175"/>
      <c r="C7" s="176">
        <v>10</v>
      </c>
    </row>
    <row r="8" spans="1:22" ht="12.75">
      <c r="A8" s="177" t="s">
        <v>58</v>
      </c>
      <c r="B8" s="178"/>
      <c r="C8" s="187">
        <v>43968.913492013991</v>
      </c>
    </row>
    <row r="9" spans="1:22" ht="12.75">
      <c r="A9" s="180"/>
      <c r="B9" s="180"/>
      <c r="C9" s="121"/>
    </row>
    <row r="10" spans="1:22" ht="12.75">
      <c r="A10" s="174" t="s">
        <v>59</v>
      </c>
      <c r="B10" s="175"/>
      <c r="C10" s="181">
        <v>38410.903875182143</v>
      </c>
    </row>
    <row r="11" spans="1:22" ht="12.75">
      <c r="A11" s="174" t="s">
        <v>60</v>
      </c>
      <c r="B11" s="175"/>
      <c r="C11" s="181">
        <v>10232.0199318</v>
      </c>
    </row>
    <row r="12" spans="1:22" ht="12.75">
      <c r="A12" s="174" t="s">
        <v>61</v>
      </c>
      <c r="B12" s="175"/>
      <c r="C12" s="182">
        <v>28178.883943382141</v>
      </c>
    </row>
    <row r="13" spans="1:22" ht="12.75">
      <c r="A13" s="174" t="s">
        <v>62</v>
      </c>
      <c r="B13" s="175"/>
      <c r="C13" s="181">
        <v>0</v>
      </c>
    </row>
    <row r="14" spans="1:22">
      <c r="A14" s="45"/>
      <c r="B14" s="45"/>
      <c r="C14" s="48"/>
    </row>
    <row r="15" spans="1:22" ht="18">
      <c r="A15" s="183" t="s">
        <v>154</v>
      </c>
      <c r="C15" s="48"/>
      <c r="D15" s="83"/>
      <c r="V15" s="49" t="s">
        <v>63</v>
      </c>
    </row>
    <row r="16" spans="1:22">
      <c r="A16" s="50"/>
      <c r="B16" s="50" t="s">
        <v>2</v>
      </c>
      <c r="C16" s="50" t="s">
        <v>3</v>
      </c>
      <c r="D16" s="50" t="s">
        <v>4</v>
      </c>
      <c r="E16" s="50" t="s">
        <v>5</v>
      </c>
      <c r="F16" s="50" t="s">
        <v>6</v>
      </c>
      <c r="G16" s="50" t="s">
        <v>7</v>
      </c>
      <c r="H16" s="50" t="s">
        <v>8</v>
      </c>
      <c r="I16" s="50" t="s">
        <v>9</v>
      </c>
      <c r="J16" s="50" t="s">
        <v>10</v>
      </c>
      <c r="K16" s="50" t="s">
        <v>11</v>
      </c>
      <c r="L16" s="50" t="s">
        <v>12</v>
      </c>
      <c r="M16" s="50" t="s">
        <v>13</v>
      </c>
      <c r="N16" s="50" t="s">
        <v>14</v>
      </c>
      <c r="O16" s="50" t="s">
        <v>15</v>
      </c>
      <c r="P16" s="50" t="s">
        <v>16</v>
      </c>
      <c r="Q16" s="50" t="s">
        <v>17</v>
      </c>
      <c r="R16" s="50" t="s">
        <v>18</v>
      </c>
      <c r="S16" s="50" t="s">
        <v>19</v>
      </c>
      <c r="T16" s="50" t="s">
        <v>20</v>
      </c>
      <c r="U16" s="50" t="s">
        <v>21</v>
      </c>
      <c r="V16" s="50" t="s">
        <v>22</v>
      </c>
    </row>
    <row r="17" spans="1:22">
      <c r="A17" s="45" t="s">
        <v>64</v>
      </c>
      <c r="B17" s="45"/>
      <c r="C17" s="48">
        <v>5276269.6190416794</v>
      </c>
      <c r="D17" s="48">
        <v>5276269.6190416794</v>
      </c>
      <c r="E17" s="48">
        <v>5276269.6190416794</v>
      </c>
      <c r="F17" s="48">
        <v>5276269.6190416794</v>
      </c>
      <c r="G17" s="48">
        <v>5276269.6190416794</v>
      </c>
      <c r="H17" s="48">
        <v>5276269.6190416794</v>
      </c>
      <c r="I17" s="48">
        <v>5276269.6190416794</v>
      </c>
      <c r="J17" s="48">
        <v>5276269.6190416794</v>
      </c>
      <c r="K17" s="48">
        <v>5276269.6190416794</v>
      </c>
      <c r="L17" s="48">
        <v>5276269.6190416794</v>
      </c>
      <c r="M17" s="48">
        <v>5276269.6190416794</v>
      </c>
      <c r="N17" s="48">
        <v>5276269.6190416794</v>
      </c>
      <c r="O17" s="48">
        <v>5276269.6190416794</v>
      </c>
      <c r="P17" s="48">
        <v>5276269.6190416794</v>
      </c>
      <c r="Q17" s="48">
        <v>5276269.6190416794</v>
      </c>
      <c r="R17" s="48">
        <v>5276269.6190416794</v>
      </c>
      <c r="S17" s="48">
        <v>5276269.6190416794</v>
      </c>
      <c r="T17" s="48">
        <v>5276269.6190416794</v>
      </c>
      <c r="U17" s="48">
        <v>5276269.6190416794</v>
      </c>
      <c r="V17" s="48">
        <v>5276269.6190416794</v>
      </c>
    </row>
    <row r="18" spans="1:22">
      <c r="A18" s="51" t="s">
        <v>65</v>
      </c>
      <c r="B18" s="51"/>
      <c r="C18" s="52">
        <v>105525.3923808336</v>
      </c>
      <c r="D18" s="52">
        <v>105525.3923808336</v>
      </c>
      <c r="E18" s="52">
        <v>105525.3923808336</v>
      </c>
      <c r="F18" s="52">
        <v>105525.3923808336</v>
      </c>
      <c r="G18" s="52">
        <v>105525.3923808336</v>
      </c>
      <c r="H18" s="52">
        <v>105525.3923808336</v>
      </c>
      <c r="I18" s="52">
        <v>105525.3923808336</v>
      </c>
      <c r="J18" s="52">
        <v>105525.3923808336</v>
      </c>
      <c r="K18" s="52">
        <v>105525.3923808336</v>
      </c>
      <c r="L18" s="52">
        <v>105525.3923808336</v>
      </c>
      <c r="M18" s="52">
        <v>105525.3923808336</v>
      </c>
      <c r="N18" s="52">
        <v>105525.3923808336</v>
      </c>
      <c r="O18" s="52">
        <v>105525.3923808336</v>
      </c>
      <c r="P18" s="52">
        <v>105525.3923808336</v>
      </c>
      <c r="Q18" s="52">
        <v>105525.3923808336</v>
      </c>
      <c r="R18" s="52">
        <v>105525.3923808336</v>
      </c>
      <c r="S18" s="52">
        <v>105525.3923808336</v>
      </c>
      <c r="T18" s="52">
        <v>105525.3923808336</v>
      </c>
      <c r="U18" s="52">
        <v>105525.3923808336</v>
      </c>
      <c r="V18" s="52">
        <v>105525.3923808336</v>
      </c>
    </row>
    <row r="19" spans="1:22">
      <c r="A19" s="45" t="s">
        <v>66</v>
      </c>
      <c r="B19" s="45"/>
      <c r="C19" s="53">
        <v>5170744.2266608458</v>
      </c>
      <c r="D19" s="53">
        <v>5170744.2266608458</v>
      </c>
      <c r="E19" s="53">
        <v>5170744.2266608458</v>
      </c>
      <c r="F19" s="53">
        <v>5170744.2266608458</v>
      </c>
      <c r="G19" s="53">
        <v>5170744.2266608458</v>
      </c>
      <c r="H19" s="53">
        <v>5170744.2266608458</v>
      </c>
      <c r="I19" s="53">
        <v>5170744.2266608458</v>
      </c>
      <c r="J19" s="53">
        <v>5170744.2266608458</v>
      </c>
      <c r="K19" s="53">
        <v>5170744.2266608458</v>
      </c>
      <c r="L19" s="53">
        <v>5170744.2266608458</v>
      </c>
      <c r="M19" s="53">
        <v>5170744.2266608458</v>
      </c>
      <c r="N19" s="53">
        <v>5170744.2266608458</v>
      </c>
      <c r="O19" s="53">
        <v>5170744.2266608458</v>
      </c>
      <c r="P19" s="53">
        <v>5170744.2266608458</v>
      </c>
      <c r="Q19" s="53">
        <v>5170744.2266608458</v>
      </c>
      <c r="R19" s="53">
        <v>5170744.2266608458</v>
      </c>
      <c r="S19" s="53">
        <v>5170744.2266608458</v>
      </c>
      <c r="T19" s="53">
        <v>5170744.2266608458</v>
      </c>
      <c r="U19" s="53">
        <v>5170744.2266608458</v>
      </c>
      <c r="V19" s="53">
        <v>5170744.2266608458</v>
      </c>
    </row>
    <row r="20" spans="1:22">
      <c r="A20" s="45"/>
      <c r="B20" s="45"/>
      <c r="C20" s="45"/>
      <c r="D20" s="45"/>
      <c r="E20" s="45"/>
      <c r="F20" s="45"/>
      <c r="G20" s="45"/>
      <c r="H20" s="45"/>
      <c r="I20" s="45"/>
      <c r="J20" s="45"/>
      <c r="K20" s="45"/>
      <c r="L20" s="45"/>
      <c r="M20" s="45"/>
      <c r="N20" s="45"/>
      <c r="O20" s="45"/>
      <c r="P20" s="45"/>
      <c r="Q20" s="45"/>
      <c r="R20" s="45"/>
      <c r="S20" s="45"/>
      <c r="T20" s="45"/>
      <c r="U20" s="45"/>
      <c r="V20" s="45"/>
    </row>
    <row r="21" spans="1:22">
      <c r="A21" s="51" t="s">
        <v>67</v>
      </c>
      <c r="B21" s="51"/>
      <c r="C21" s="52">
        <v>4616311.6650218572</v>
      </c>
      <c r="D21" s="52">
        <v>4616311.6650218572</v>
      </c>
      <c r="E21" s="52">
        <v>4616311.6650218572</v>
      </c>
      <c r="F21" s="52">
        <v>4623714.4650218571</v>
      </c>
      <c r="G21" s="52">
        <v>4623714.4650218571</v>
      </c>
      <c r="H21" s="52">
        <v>4623714.4650218571</v>
      </c>
      <c r="I21" s="52">
        <v>4623714.4650218571</v>
      </c>
      <c r="J21" s="52">
        <v>4623714.4650218571</v>
      </c>
      <c r="K21" s="52">
        <v>4623714.4650218571</v>
      </c>
      <c r="L21" s="52">
        <v>4623714.4650218571</v>
      </c>
      <c r="M21" s="54">
        <v>4616311.6650218572</v>
      </c>
      <c r="N21" s="54">
        <v>4616311.6650218572</v>
      </c>
      <c r="O21" s="54">
        <v>4616311.6650218572</v>
      </c>
      <c r="P21" s="54">
        <v>4623714.4650218571</v>
      </c>
      <c r="Q21" s="54">
        <v>4623714.4650218571</v>
      </c>
      <c r="R21" s="54">
        <v>4623714.4650218571</v>
      </c>
      <c r="S21" s="54">
        <v>4623714.4650218571</v>
      </c>
      <c r="T21" s="54">
        <v>4623714.4650218571</v>
      </c>
      <c r="U21" s="54">
        <v>4623714.4650218571</v>
      </c>
      <c r="V21" s="54">
        <v>4623714.4650218571</v>
      </c>
    </row>
    <row r="22" spans="1:22">
      <c r="A22" s="45"/>
      <c r="B22" s="45"/>
      <c r="C22" s="45"/>
      <c r="D22" s="45"/>
      <c r="E22" s="45"/>
      <c r="F22" s="45"/>
      <c r="G22" s="48"/>
      <c r="H22" s="53"/>
      <c r="I22" s="45"/>
      <c r="J22" s="45"/>
      <c r="K22" s="45"/>
      <c r="L22" s="45"/>
      <c r="M22" s="45"/>
      <c r="N22" s="45"/>
      <c r="O22" s="45"/>
      <c r="P22" s="45"/>
      <c r="Q22" s="45"/>
      <c r="R22" s="45"/>
      <c r="S22" s="45"/>
      <c r="T22" s="45"/>
      <c r="U22" s="45"/>
      <c r="V22" s="45"/>
    </row>
    <row r="23" spans="1:22">
      <c r="A23" s="45" t="s">
        <v>68</v>
      </c>
      <c r="B23" s="45"/>
      <c r="C23" s="48">
        <v>221527.92146398337</v>
      </c>
      <c r="D23" s="48">
        <v>304225.22220398334</v>
      </c>
      <c r="E23" s="48">
        <v>374808.96868398337</v>
      </c>
      <c r="F23" s="48">
        <v>438672.18668398337</v>
      </c>
      <c r="G23" s="48">
        <v>500294.84468398336</v>
      </c>
      <c r="H23" s="48">
        <v>340500.88355333335</v>
      </c>
      <c r="I23" s="48">
        <v>319426.24081333331</v>
      </c>
      <c r="J23" s="48">
        <v>310465.15233333333</v>
      </c>
      <c r="K23" s="48">
        <v>308224.59233333333</v>
      </c>
      <c r="L23" s="48">
        <v>319224.59233333333</v>
      </c>
      <c r="M23" s="48">
        <v>335312.76111333334</v>
      </c>
      <c r="N23" s="48">
        <v>356387.40385333332</v>
      </c>
      <c r="O23" s="48">
        <v>365348.49233333336</v>
      </c>
      <c r="P23" s="48">
        <v>367589.0523333333</v>
      </c>
      <c r="Q23" s="48">
        <v>356589.0523333333</v>
      </c>
      <c r="R23" s="48">
        <v>340500.88355333335</v>
      </c>
      <c r="S23" s="48">
        <v>319426.24081333331</v>
      </c>
      <c r="T23" s="48">
        <v>310465.15233333333</v>
      </c>
      <c r="U23" s="48">
        <v>308224.59233333333</v>
      </c>
      <c r="V23" s="48">
        <v>308224.59233333333</v>
      </c>
    </row>
    <row r="24" spans="1:22">
      <c r="A24" s="45"/>
      <c r="B24" s="45"/>
      <c r="C24" s="45"/>
      <c r="D24" s="45"/>
      <c r="E24" s="45"/>
      <c r="F24" s="45"/>
      <c r="G24" s="45"/>
      <c r="H24" s="45"/>
      <c r="I24" s="45"/>
      <c r="J24" s="45"/>
      <c r="K24" s="45"/>
      <c r="L24" s="45"/>
      <c r="M24" s="45"/>
      <c r="N24" s="45"/>
      <c r="O24" s="45"/>
      <c r="P24" s="45"/>
      <c r="Q24" s="45"/>
      <c r="R24" s="45"/>
      <c r="S24" s="45"/>
      <c r="T24" s="45"/>
      <c r="U24" s="45"/>
      <c r="V24" s="45"/>
    </row>
    <row r="25" spans="1:22">
      <c r="A25" s="51" t="s">
        <v>69</v>
      </c>
      <c r="B25" s="51"/>
      <c r="C25" s="54">
        <v>332904.64017500519</v>
      </c>
      <c r="D25" s="54">
        <v>250207.33943500521</v>
      </c>
      <c r="E25" s="54">
        <v>179623.59295500518</v>
      </c>
      <c r="F25" s="54">
        <v>108357.57495500537</v>
      </c>
      <c r="G25" s="54">
        <v>46734.916955005378</v>
      </c>
      <c r="H25" s="54">
        <v>206528.87808565539</v>
      </c>
      <c r="I25" s="54">
        <v>227603.52082565543</v>
      </c>
      <c r="J25" s="54">
        <v>236564.60930565541</v>
      </c>
      <c r="K25" s="54">
        <v>238805.16930565541</v>
      </c>
      <c r="L25" s="54">
        <v>227805.16930565541</v>
      </c>
      <c r="M25" s="54">
        <v>219119.80052565521</v>
      </c>
      <c r="N25" s="54">
        <v>198045.15778565523</v>
      </c>
      <c r="O25" s="54">
        <v>189084.0693056552</v>
      </c>
      <c r="P25" s="54">
        <v>179440.70930565544</v>
      </c>
      <c r="Q25" s="54">
        <v>190440.70930565544</v>
      </c>
      <c r="R25" s="54">
        <v>206528.87808565539</v>
      </c>
      <c r="S25" s="54">
        <v>227603.52082565543</v>
      </c>
      <c r="T25" s="54">
        <v>236564.60930565541</v>
      </c>
      <c r="U25" s="54">
        <v>238805.16930565541</v>
      </c>
      <c r="V25" s="54">
        <v>238805.16930565541</v>
      </c>
    </row>
    <row r="26" spans="1:22">
      <c r="A26" s="45"/>
      <c r="B26" s="45"/>
      <c r="C26" s="45"/>
      <c r="D26" s="45"/>
      <c r="E26" s="45"/>
      <c r="F26" s="45"/>
      <c r="G26" s="45"/>
      <c r="H26" s="45"/>
      <c r="I26" s="45"/>
      <c r="J26" s="45"/>
      <c r="K26" s="45"/>
      <c r="L26" s="45"/>
      <c r="M26" s="45"/>
      <c r="N26" s="45"/>
      <c r="O26" s="45"/>
      <c r="P26" s="45"/>
      <c r="Q26" s="45"/>
      <c r="R26" s="45"/>
      <c r="S26" s="45"/>
      <c r="T26" s="45"/>
      <c r="U26" s="45"/>
      <c r="V26" s="45"/>
    </row>
    <row r="27" spans="1:22">
      <c r="A27" s="45" t="s">
        <v>70</v>
      </c>
      <c r="B27" s="45"/>
      <c r="C27" s="48">
        <v>113187.57765950177</v>
      </c>
      <c r="D27" s="48">
        <v>85070.495407901777</v>
      </c>
      <c r="E27" s="48">
        <v>61072.021604701768</v>
      </c>
      <c r="F27" s="48">
        <v>36841.575484701832</v>
      </c>
      <c r="G27" s="48">
        <v>15889.871764701829</v>
      </c>
      <c r="H27" s="48">
        <v>70219.818549122836</v>
      </c>
      <c r="I27" s="48">
        <v>77385.19708072285</v>
      </c>
      <c r="J27" s="48">
        <v>80431.967163922847</v>
      </c>
      <c r="K27" s="48">
        <v>81193.757563922845</v>
      </c>
      <c r="L27" s="48">
        <v>77453.757563922845</v>
      </c>
      <c r="M27" s="48">
        <v>74500.732178722785</v>
      </c>
      <c r="N27" s="48">
        <v>67335.353647122785</v>
      </c>
      <c r="O27" s="48">
        <v>64288.583563922773</v>
      </c>
      <c r="P27" s="48">
        <v>61009.841163922858</v>
      </c>
      <c r="Q27" s="48">
        <v>64749.841163922858</v>
      </c>
      <c r="R27" s="48">
        <v>70219.818549122836</v>
      </c>
      <c r="S27" s="48">
        <v>77385.19708072285</v>
      </c>
      <c r="T27" s="48">
        <v>80431.967163922847</v>
      </c>
      <c r="U27" s="48">
        <v>81193.757563922845</v>
      </c>
      <c r="V27" s="48">
        <v>81193.757563922845</v>
      </c>
    </row>
    <row r="28" spans="1:22">
      <c r="A28" s="45"/>
      <c r="B28" s="45"/>
      <c r="C28" s="45"/>
      <c r="D28" s="45"/>
      <c r="E28" s="45"/>
      <c r="F28" s="45"/>
      <c r="G28" s="45"/>
      <c r="H28" s="45"/>
      <c r="I28" s="45"/>
      <c r="J28" s="45"/>
      <c r="K28" s="45"/>
      <c r="L28" s="45"/>
      <c r="M28" s="45"/>
      <c r="N28" s="45"/>
      <c r="O28" s="45"/>
      <c r="P28" s="45"/>
      <c r="Q28" s="45"/>
      <c r="R28" s="45"/>
      <c r="S28" s="45"/>
      <c r="T28" s="45"/>
      <c r="U28" s="45"/>
      <c r="V28" s="45"/>
    </row>
    <row r="29" spans="1:22">
      <c r="A29" s="51" t="s">
        <v>71</v>
      </c>
      <c r="B29" s="51"/>
      <c r="C29" s="54">
        <v>219717.06251550344</v>
      </c>
      <c r="D29" s="54">
        <v>165136.84402710345</v>
      </c>
      <c r="E29" s="54">
        <v>118551.57135030342</v>
      </c>
      <c r="F29" s="54">
        <v>71515.999470303534</v>
      </c>
      <c r="G29" s="54">
        <v>30845.04519030355</v>
      </c>
      <c r="H29" s="54">
        <v>136309.05953653256</v>
      </c>
      <c r="I29" s="54">
        <v>150218.3237449326</v>
      </c>
      <c r="J29" s="54">
        <v>156132.64214173256</v>
      </c>
      <c r="K29" s="54">
        <v>157611.41174173256</v>
      </c>
      <c r="L29" s="54">
        <v>150351.41174173256</v>
      </c>
      <c r="M29" s="54">
        <v>144619.06834693241</v>
      </c>
      <c r="N29" s="54">
        <v>130709.80413853245</v>
      </c>
      <c r="O29" s="54">
        <v>124795.48574173242</v>
      </c>
      <c r="P29" s="54">
        <v>118430.86814173259</v>
      </c>
      <c r="Q29" s="54">
        <v>125690.86814173259</v>
      </c>
      <c r="R29" s="54">
        <v>136309.05953653256</v>
      </c>
      <c r="S29" s="54">
        <v>150218.3237449326</v>
      </c>
      <c r="T29" s="54">
        <v>156132.64214173256</v>
      </c>
      <c r="U29" s="54">
        <v>157611.41174173256</v>
      </c>
      <c r="V29" s="54">
        <v>157611.41174173256</v>
      </c>
    </row>
    <row r="30" spans="1:22">
      <c r="A30" s="45"/>
      <c r="B30" s="45"/>
      <c r="C30" s="45"/>
      <c r="D30" s="45"/>
      <c r="E30" s="45"/>
      <c r="F30" s="45"/>
      <c r="G30" s="45"/>
      <c r="H30" s="45"/>
      <c r="I30" s="45"/>
      <c r="J30" s="45"/>
      <c r="K30" s="45"/>
      <c r="L30" s="45"/>
      <c r="M30" s="45"/>
      <c r="N30" s="45"/>
      <c r="O30" s="45"/>
      <c r="P30" s="45"/>
      <c r="Q30" s="45"/>
      <c r="R30" s="45"/>
      <c r="S30" s="45"/>
      <c r="T30" s="45"/>
      <c r="U30" s="45"/>
      <c r="V30" s="45"/>
    </row>
    <row r="31" spans="1:22">
      <c r="A31" s="45" t="s">
        <v>72</v>
      </c>
      <c r="B31" s="45"/>
      <c r="C31" s="48">
        <v>221527.92146398337</v>
      </c>
      <c r="D31" s="48">
        <v>304225.22220398334</v>
      </c>
      <c r="E31" s="48">
        <v>374808.96868398337</v>
      </c>
      <c r="F31" s="48">
        <v>438672.18668398337</v>
      </c>
      <c r="G31" s="48">
        <v>500294.84468398336</v>
      </c>
      <c r="H31" s="48">
        <v>340500.88355333335</v>
      </c>
      <c r="I31" s="48">
        <v>319426.24081333331</v>
      </c>
      <c r="J31" s="48">
        <v>310465.15233333333</v>
      </c>
      <c r="K31" s="48">
        <v>308224.59233333333</v>
      </c>
      <c r="L31" s="48">
        <v>319224.59233333333</v>
      </c>
      <c r="M31" s="48">
        <v>335312.76111333334</v>
      </c>
      <c r="N31" s="48">
        <v>356387.40385333332</v>
      </c>
      <c r="O31" s="48">
        <v>365348.49233333336</v>
      </c>
      <c r="P31" s="48">
        <v>367589.0523333333</v>
      </c>
      <c r="Q31" s="48">
        <v>356589.0523333333</v>
      </c>
      <c r="R31" s="48">
        <v>340500.88355333335</v>
      </c>
      <c r="S31" s="48">
        <v>319426.24081333331</v>
      </c>
      <c r="T31" s="48">
        <v>310465.15233333333</v>
      </c>
      <c r="U31" s="48">
        <v>308224.59233333333</v>
      </c>
      <c r="V31" s="48">
        <v>308224.59233333333</v>
      </c>
    </row>
    <row r="32" spans="1:22">
      <c r="A32" s="45"/>
      <c r="B32" s="45"/>
      <c r="C32" s="45"/>
      <c r="D32" s="45"/>
      <c r="E32" s="45"/>
      <c r="F32" s="45"/>
      <c r="G32" s="45"/>
      <c r="H32" s="45"/>
      <c r="I32" s="45"/>
      <c r="J32" s="45"/>
      <c r="K32" s="45"/>
      <c r="L32" s="45"/>
      <c r="M32" s="45"/>
      <c r="N32" s="45"/>
      <c r="O32" s="45"/>
      <c r="P32" s="45"/>
      <c r="Q32" s="45"/>
      <c r="R32" s="45"/>
      <c r="S32" s="45"/>
      <c r="T32" s="45"/>
      <c r="U32" s="45"/>
      <c r="V32" s="45"/>
    </row>
    <row r="33" spans="1:22">
      <c r="A33" s="51" t="s">
        <v>73</v>
      </c>
      <c r="B33" s="51"/>
      <c r="C33" s="54">
        <v>441244.9839794868</v>
      </c>
      <c r="D33" s="54">
        <v>469362.06623108679</v>
      </c>
      <c r="E33" s="54">
        <v>493360.54003428679</v>
      </c>
      <c r="F33" s="54">
        <v>510188.1861542869</v>
      </c>
      <c r="G33" s="54">
        <v>531139.88987428695</v>
      </c>
      <c r="H33" s="54">
        <v>476809.9430898659</v>
      </c>
      <c r="I33" s="54">
        <v>469644.56455826591</v>
      </c>
      <c r="J33" s="54">
        <v>466597.79447506589</v>
      </c>
      <c r="K33" s="54">
        <v>465836.0040750659</v>
      </c>
      <c r="L33" s="54">
        <v>469576.0040750659</v>
      </c>
      <c r="M33" s="54">
        <v>479931.82946026576</v>
      </c>
      <c r="N33" s="54">
        <v>487097.20799186575</v>
      </c>
      <c r="O33" s="54">
        <v>490143.97807506577</v>
      </c>
      <c r="P33" s="54">
        <v>486019.92047506588</v>
      </c>
      <c r="Q33" s="54">
        <v>482279.92047506588</v>
      </c>
      <c r="R33" s="54">
        <v>476809.9430898659</v>
      </c>
      <c r="S33" s="54">
        <v>469644.56455826591</v>
      </c>
      <c r="T33" s="54">
        <v>466597.79447506589</v>
      </c>
      <c r="U33" s="54">
        <v>465836.0040750659</v>
      </c>
      <c r="V33" s="54">
        <v>465836.0040750659</v>
      </c>
    </row>
    <row r="34" spans="1:22">
      <c r="A34" s="45"/>
      <c r="B34" s="45"/>
      <c r="C34" s="45"/>
      <c r="D34" s="45"/>
      <c r="E34" s="45"/>
      <c r="F34" s="45"/>
      <c r="G34" s="45"/>
      <c r="H34" s="45"/>
      <c r="I34" s="45"/>
      <c r="J34" s="45"/>
      <c r="K34" s="45"/>
      <c r="L34" s="45"/>
      <c r="M34" s="45"/>
      <c r="N34" s="45"/>
      <c r="O34" s="45"/>
      <c r="P34" s="45"/>
      <c r="Q34" s="45"/>
      <c r="R34" s="45"/>
      <c r="S34" s="45"/>
      <c r="T34" s="45"/>
      <c r="U34" s="45"/>
      <c r="V34" s="45"/>
    </row>
    <row r="35" spans="1:22">
      <c r="A35" s="45" t="s">
        <v>74</v>
      </c>
      <c r="B35" s="53">
        <v>1425863.58176719</v>
      </c>
      <c r="C35" s="53">
        <v>388554.13389999996</v>
      </c>
      <c r="D35" s="53">
        <v>413486.5037</v>
      </c>
      <c r="E35" s="53">
        <v>352918.73239999998</v>
      </c>
      <c r="F35" s="53">
        <v>319316.08999999997</v>
      </c>
      <c r="G35" s="53">
        <v>308113.28999999998</v>
      </c>
      <c r="H35" s="53">
        <v>308113.28999999998</v>
      </c>
      <c r="I35" s="53">
        <v>308113.28999999998</v>
      </c>
      <c r="J35" s="53">
        <v>308113.28999999998</v>
      </c>
      <c r="K35" s="53">
        <v>308113.28999999998</v>
      </c>
      <c r="L35" s="53">
        <v>363113.29</v>
      </c>
      <c r="M35" s="53">
        <v>388554.13389999996</v>
      </c>
      <c r="N35" s="53">
        <v>413486.5037</v>
      </c>
      <c r="O35" s="53">
        <v>352918.73239999998</v>
      </c>
      <c r="P35" s="53">
        <v>319316.08999999997</v>
      </c>
      <c r="Q35" s="53">
        <v>308113.28999999998</v>
      </c>
      <c r="R35" s="53">
        <v>308113.28999999998</v>
      </c>
      <c r="S35" s="53">
        <v>308113.28999999998</v>
      </c>
      <c r="T35" s="53">
        <v>308113.28999999998</v>
      </c>
      <c r="U35" s="53">
        <v>308113.28999999998</v>
      </c>
      <c r="V35" s="53">
        <v>244876.14390381015</v>
      </c>
    </row>
    <row r="36" spans="1:22">
      <c r="A36" s="55" t="s">
        <v>75</v>
      </c>
      <c r="B36" s="54">
        <v>1324856.3356710002</v>
      </c>
      <c r="C36" s="54">
        <v>308113.28999999998</v>
      </c>
      <c r="D36" s="54">
        <v>308113.28999999998</v>
      </c>
      <c r="E36" s="54">
        <v>308113.28999999998</v>
      </c>
      <c r="F36" s="54">
        <v>308113.28999999998</v>
      </c>
      <c r="G36" s="54">
        <v>308113.28999999998</v>
      </c>
      <c r="H36" s="54">
        <v>308113.28999999998</v>
      </c>
      <c r="I36" s="54">
        <v>308113.28999999998</v>
      </c>
      <c r="J36" s="54">
        <v>308113.28999999998</v>
      </c>
      <c r="K36" s="54">
        <v>308113.28999999998</v>
      </c>
      <c r="L36" s="54">
        <v>308113.28999999998</v>
      </c>
      <c r="M36" s="54">
        <v>308113.28999999998</v>
      </c>
      <c r="N36" s="54">
        <v>308113.28999999998</v>
      </c>
      <c r="O36" s="54">
        <v>308113.28999999998</v>
      </c>
      <c r="P36" s="54">
        <v>308113.28999999998</v>
      </c>
      <c r="Q36" s="54">
        <v>308113.28999999998</v>
      </c>
      <c r="R36" s="54">
        <v>308113.28999999998</v>
      </c>
      <c r="S36" s="54">
        <v>308113.28999999998</v>
      </c>
      <c r="T36" s="54">
        <v>308113.28999999998</v>
      </c>
      <c r="U36" s="54">
        <v>308113.28999999998</v>
      </c>
      <c r="V36" s="54">
        <v>308113.28999999998</v>
      </c>
    </row>
    <row r="37" spans="1:22">
      <c r="A37" s="56" t="s">
        <v>76</v>
      </c>
      <c r="B37" s="48">
        <v>33000</v>
      </c>
      <c r="C37" s="48">
        <v>80440.843899999993</v>
      </c>
      <c r="D37" s="48">
        <v>105373.21369999999</v>
      </c>
      <c r="E37" s="48">
        <v>44805.4424</v>
      </c>
      <c r="F37" s="48">
        <v>11202.8</v>
      </c>
      <c r="G37" s="48">
        <v>0</v>
      </c>
      <c r="H37" s="48">
        <v>0</v>
      </c>
      <c r="I37" s="48">
        <v>0</v>
      </c>
      <c r="J37" s="48">
        <v>0</v>
      </c>
      <c r="K37" s="48">
        <v>0</v>
      </c>
      <c r="L37" s="48">
        <v>55000</v>
      </c>
      <c r="M37" s="48">
        <v>80440.843899999993</v>
      </c>
      <c r="N37" s="48">
        <v>105373.21369999999</v>
      </c>
      <c r="O37" s="48">
        <v>44805.4424</v>
      </c>
      <c r="P37" s="48">
        <v>11202.8</v>
      </c>
      <c r="Q37" s="48">
        <v>0</v>
      </c>
      <c r="R37" s="48">
        <v>0</v>
      </c>
      <c r="S37" s="48">
        <v>0</v>
      </c>
      <c r="T37" s="48">
        <v>0</v>
      </c>
      <c r="U37" s="48">
        <v>0</v>
      </c>
      <c r="V37" s="48">
        <v>0</v>
      </c>
    </row>
    <row r="38" spans="1:22">
      <c r="A38" s="55" t="s">
        <v>77</v>
      </c>
      <c r="B38" s="57">
        <v>4770.1000000000004</v>
      </c>
      <c r="C38" s="51">
        <v>0</v>
      </c>
      <c r="D38" s="51">
        <v>0</v>
      </c>
      <c r="E38" s="51">
        <v>0</v>
      </c>
      <c r="F38" s="51">
        <v>0</v>
      </c>
      <c r="G38" s="51">
        <v>0</v>
      </c>
      <c r="H38" s="51">
        <v>0</v>
      </c>
      <c r="I38" s="51">
        <v>0</v>
      </c>
      <c r="J38" s="51">
        <v>0</v>
      </c>
      <c r="K38" s="51">
        <v>0</v>
      </c>
      <c r="L38" s="51">
        <v>0</v>
      </c>
      <c r="M38" s="51"/>
      <c r="N38" s="51"/>
      <c r="O38" s="51"/>
      <c r="P38" s="51"/>
      <c r="Q38" s="51"/>
      <c r="R38" s="51"/>
      <c r="S38" s="51"/>
      <c r="T38" s="51"/>
      <c r="U38" s="51"/>
      <c r="V38" s="51"/>
    </row>
    <row r="39" spans="1:22">
      <c r="A39" s="56" t="s">
        <v>78</v>
      </c>
      <c r="B39" s="48">
        <v>63237.146096189826</v>
      </c>
      <c r="C39" s="45">
        <v>0</v>
      </c>
      <c r="D39" s="45">
        <v>0</v>
      </c>
      <c r="E39" s="45">
        <v>0</v>
      </c>
      <c r="F39" s="45">
        <v>0</v>
      </c>
      <c r="G39" s="45">
        <v>0</v>
      </c>
      <c r="H39" s="45">
        <v>0</v>
      </c>
      <c r="I39" s="45">
        <v>0</v>
      </c>
      <c r="J39" s="45">
        <v>0</v>
      </c>
      <c r="K39" s="45">
        <v>0</v>
      </c>
      <c r="L39" s="53">
        <v>0</v>
      </c>
      <c r="M39" s="53">
        <v>0</v>
      </c>
      <c r="N39" s="53">
        <v>0</v>
      </c>
      <c r="O39" s="53">
        <v>0</v>
      </c>
      <c r="P39" s="53">
        <v>0</v>
      </c>
      <c r="Q39" s="53">
        <v>0</v>
      </c>
      <c r="R39" s="53">
        <v>0</v>
      </c>
      <c r="S39" s="53">
        <v>0</v>
      </c>
      <c r="T39" s="53">
        <v>0</v>
      </c>
      <c r="U39" s="53">
        <v>0</v>
      </c>
      <c r="V39" s="53">
        <v>-63237.146096189826</v>
      </c>
    </row>
    <row r="40" spans="1:22">
      <c r="A40" s="45"/>
      <c r="B40" s="45"/>
      <c r="C40" s="45"/>
      <c r="D40" s="45"/>
      <c r="E40" s="45"/>
      <c r="F40" s="45"/>
      <c r="G40" s="45"/>
      <c r="H40" s="45"/>
      <c r="I40" s="45"/>
      <c r="J40" s="45"/>
      <c r="K40" s="45"/>
      <c r="L40" s="45"/>
      <c r="M40" s="45"/>
      <c r="N40" s="45"/>
      <c r="O40" s="45"/>
      <c r="P40" s="45"/>
      <c r="Q40" s="45"/>
      <c r="R40" s="45"/>
      <c r="S40" s="45"/>
      <c r="T40" s="45"/>
      <c r="U40" s="45"/>
      <c r="V40" s="45"/>
    </row>
    <row r="41" spans="1:22">
      <c r="A41" s="51" t="s">
        <v>79</v>
      </c>
      <c r="B41" s="52">
        <v>0</v>
      </c>
      <c r="C41" s="52">
        <v>13094.814824999999</v>
      </c>
      <c r="D41" s="52">
        <v>13094.814824999999</v>
      </c>
      <c r="E41" s="52">
        <v>13094.814824999999</v>
      </c>
      <c r="F41" s="52">
        <v>13094.814824999999</v>
      </c>
      <c r="G41" s="52">
        <v>13094.814824999999</v>
      </c>
      <c r="H41" s="52">
        <v>13094.814824999999</v>
      </c>
      <c r="I41" s="52">
        <v>13094.814824999999</v>
      </c>
      <c r="J41" s="52">
        <v>13094.814824999999</v>
      </c>
      <c r="K41" s="52">
        <v>13094.814824999999</v>
      </c>
      <c r="L41" s="52">
        <v>13094.814824999999</v>
      </c>
      <c r="M41" s="52">
        <v>13094.814824999999</v>
      </c>
      <c r="N41" s="52">
        <v>13094.814824999999</v>
      </c>
      <c r="O41" s="52">
        <v>13094.814824999999</v>
      </c>
      <c r="P41" s="52">
        <v>13094.814824999999</v>
      </c>
      <c r="Q41" s="52">
        <v>13094.814824999999</v>
      </c>
      <c r="R41" s="52">
        <v>13094.814824999999</v>
      </c>
      <c r="S41" s="52">
        <v>13094.814824999999</v>
      </c>
      <c r="T41" s="52">
        <v>13094.814824999999</v>
      </c>
      <c r="U41" s="52">
        <v>13094.814824999999</v>
      </c>
      <c r="V41" s="52">
        <v>892965.27180368325</v>
      </c>
    </row>
    <row r="42" spans="1:22">
      <c r="A42" s="45" t="s">
        <v>80</v>
      </c>
      <c r="B42" s="45"/>
      <c r="C42" s="53">
        <v>13094.814824999999</v>
      </c>
      <c r="D42" s="53">
        <v>13094.814824999999</v>
      </c>
      <c r="E42" s="53">
        <v>13094.814824999999</v>
      </c>
      <c r="F42" s="53">
        <v>13094.814824999999</v>
      </c>
      <c r="G42" s="53">
        <v>13094.814824999999</v>
      </c>
      <c r="H42" s="53">
        <v>13094.814824999999</v>
      </c>
      <c r="I42" s="53">
        <v>13094.814824999999</v>
      </c>
      <c r="J42" s="53">
        <v>13094.814824999999</v>
      </c>
      <c r="K42" s="53">
        <v>13094.814824999999</v>
      </c>
      <c r="L42" s="53">
        <v>13094.814824999999</v>
      </c>
      <c r="M42" s="53">
        <v>13094.814824999999</v>
      </c>
      <c r="N42" s="53">
        <v>13094.814824999999</v>
      </c>
      <c r="O42" s="53">
        <v>13094.814824999999</v>
      </c>
      <c r="P42" s="53">
        <v>13094.814824999999</v>
      </c>
      <c r="Q42" s="53">
        <v>13094.814824999999</v>
      </c>
      <c r="R42" s="53">
        <v>13094.814824999999</v>
      </c>
      <c r="S42" s="53">
        <v>13094.814824999999</v>
      </c>
      <c r="T42" s="53">
        <v>13094.814824999999</v>
      </c>
      <c r="U42" s="53">
        <v>13094.814824999999</v>
      </c>
      <c r="V42" s="53">
        <v>890421.21847034991</v>
      </c>
    </row>
    <row r="43" spans="1:22">
      <c r="A43" s="51" t="s">
        <v>81</v>
      </c>
      <c r="B43" s="51"/>
      <c r="C43" s="51">
        <v>0</v>
      </c>
      <c r="D43" s="51">
        <v>0</v>
      </c>
      <c r="E43" s="51">
        <v>0</v>
      </c>
      <c r="F43" s="51">
        <v>0</v>
      </c>
      <c r="G43" s="51">
        <v>0</v>
      </c>
      <c r="H43" s="51">
        <v>0</v>
      </c>
      <c r="I43" s="51">
        <v>0</v>
      </c>
      <c r="J43" s="51">
        <v>0</v>
      </c>
      <c r="K43" s="51">
        <v>0</v>
      </c>
      <c r="L43" s="51">
        <v>0</v>
      </c>
      <c r="M43" s="51">
        <v>0</v>
      </c>
      <c r="N43" s="51">
        <v>0</v>
      </c>
      <c r="O43" s="51">
        <v>0</v>
      </c>
      <c r="P43" s="51">
        <v>0</v>
      </c>
      <c r="Q43" s="51">
        <v>0</v>
      </c>
      <c r="R43" s="51">
        <v>0</v>
      </c>
      <c r="S43" s="51">
        <v>0</v>
      </c>
      <c r="T43" s="51">
        <v>0</v>
      </c>
      <c r="U43" s="51">
        <v>0</v>
      </c>
      <c r="V43" s="51">
        <v>2544.0533333333337</v>
      </c>
    </row>
    <row r="44" spans="1:22">
      <c r="A44" s="45"/>
      <c r="B44" s="45"/>
      <c r="C44" s="45"/>
      <c r="D44" s="45"/>
      <c r="E44" s="45"/>
      <c r="F44" s="45"/>
      <c r="G44" s="45"/>
      <c r="H44" s="45"/>
      <c r="I44" s="45"/>
      <c r="J44" s="45"/>
      <c r="K44" s="45"/>
      <c r="L44" s="45"/>
      <c r="M44" s="45"/>
      <c r="N44" s="45"/>
      <c r="O44" s="45"/>
      <c r="P44" s="45"/>
      <c r="Q44" s="45"/>
      <c r="R44" s="45"/>
      <c r="S44" s="45"/>
      <c r="T44" s="45"/>
      <c r="U44" s="45"/>
      <c r="V44" s="45"/>
    </row>
    <row r="45" spans="1:22">
      <c r="A45" s="59" t="s">
        <v>82</v>
      </c>
      <c r="B45" s="60">
        <v>-1425863.58176719</v>
      </c>
      <c r="C45" s="60">
        <v>65785.664904486839</v>
      </c>
      <c r="D45" s="60">
        <v>68970.377356086785</v>
      </c>
      <c r="E45" s="60">
        <v>153536.62245928682</v>
      </c>
      <c r="F45" s="60">
        <v>203966.91097928694</v>
      </c>
      <c r="G45" s="60">
        <v>236121.41469928698</v>
      </c>
      <c r="H45" s="60">
        <v>181791.46791486593</v>
      </c>
      <c r="I45" s="60">
        <v>174626.08938326593</v>
      </c>
      <c r="J45" s="60">
        <v>171579.31930006592</v>
      </c>
      <c r="K45" s="60">
        <v>170817.52890006592</v>
      </c>
      <c r="L45" s="60">
        <v>119557.52890006591</v>
      </c>
      <c r="M45" s="60">
        <v>104472.51038526579</v>
      </c>
      <c r="N45" s="60">
        <v>86705.519116865747</v>
      </c>
      <c r="O45" s="60">
        <v>150320.0605000658</v>
      </c>
      <c r="P45" s="60">
        <v>179798.64530006592</v>
      </c>
      <c r="Q45" s="60">
        <v>187261.44530006591</v>
      </c>
      <c r="R45" s="60">
        <v>181791.46791486593</v>
      </c>
      <c r="S45" s="60">
        <v>174626.08938326593</v>
      </c>
      <c r="T45" s="60">
        <v>171579.31930006592</v>
      </c>
      <c r="U45" s="60">
        <v>170817.52890006592</v>
      </c>
      <c r="V45" s="60">
        <v>1113925.131974939</v>
      </c>
    </row>
    <row r="46" spans="1:22">
      <c r="A46" s="45"/>
      <c r="B46" s="45"/>
      <c r="C46" s="53"/>
      <c r="D46" s="53"/>
      <c r="E46" s="53"/>
      <c r="F46" s="53"/>
      <c r="G46" s="53"/>
      <c r="H46" s="53"/>
      <c r="I46" s="53"/>
      <c r="J46" s="53"/>
      <c r="K46" s="53"/>
      <c r="L46" s="53"/>
      <c r="M46" s="53"/>
      <c r="N46" s="53"/>
      <c r="O46" s="53"/>
      <c r="P46" s="53"/>
      <c r="Q46" s="53"/>
      <c r="R46" s="53"/>
      <c r="S46" s="53"/>
      <c r="T46" s="53"/>
      <c r="U46" s="53"/>
      <c r="V46" s="53"/>
    </row>
    <row r="47" spans="1:22">
      <c r="A47" s="39"/>
      <c r="B47" s="45"/>
      <c r="C47" s="45"/>
      <c r="D47" s="45"/>
      <c r="E47" s="45"/>
      <c r="F47" s="45"/>
      <c r="G47" s="45"/>
      <c r="H47" s="45"/>
      <c r="I47" s="45"/>
      <c r="J47" s="45"/>
      <c r="K47" s="45"/>
      <c r="L47" s="45"/>
      <c r="M47" s="45"/>
      <c r="N47" s="45"/>
      <c r="O47" s="45"/>
      <c r="P47" s="45"/>
      <c r="Q47" s="45"/>
      <c r="R47" s="45"/>
      <c r="S47" s="45"/>
      <c r="T47" s="45"/>
      <c r="U47" s="45"/>
      <c r="V47" s="45"/>
    </row>
    <row r="48" spans="1:22">
      <c r="A48" s="45"/>
      <c r="B48" s="45"/>
      <c r="C48" s="45"/>
      <c r="D48" s="45"/>
      <c r="E48" s="45"/>
      <c r="F48" s="45"/>
      <c r="G48" s="45"/>
      <c r="H48" s="45"/>
      <c r="I48" s="45"/>
      <c r="J48" s="45"/>
      <c r="K48" s="45"/>
      <c r="L48" s="45"/>
      <c r="M48" s="45"/>
      <c r="N48" s="45"/>
      <c r="O48" s="45"/>
      <c r="P48" s="45"/>
      <c r="Q48" s="45"/>
      <c r="R48" s="45"/>
      <c r="S48" s="45"/>
      <c r="T48" s="45"/>
      <c r="U48" s="45"/>
      <c r="V48" s="45"/>
    </row>
    <row r="49" spans="1:22" ht="12" thickBot="1"/>
    <row r="50" spans="1:22" ht="16.5" thickBot="1">
      <c r="A50" s="184" t="s">
        <v>57</v>
      </c>
      <c r="B50" s="185">
        <v>9.8500000000000004E-2</v>
      </c>
      <c r="C50" s="45"/>
      <c r="D50" s="45"/>
      <c r="E50" s="45"/>
      <c r="F50" s="45"/>
      <c r="G50" s="45"/>
      <c r="H50" s="45"/>
      <c r="I50" s="45"/>
      <c r="J50" s="45"/>
      <c r="K50" s="45"/>
      <c r="L50" s="45"/>
      <c r="M50" s="45"/>
      <c r="N50" s="45"/>
      <c r="O50" s="45"/>
      <c r="P50" s="45"/>
      <c r="Q50" s="45"/>
      <c r="R50" s="45"/>
      <c r="S50" s="45"/>
      <c r="T50" s="45"/>
      <c r="U50" s="45"/>
      <c r="V50" s="45"/>
    </row>
    <row r="51" spans="1:22">
      <c r="A51" s="45"/>
      <c r="B51" s="62"/>
      <c r="C51" s="45"/>
      <c r="D51" s="45"/>
      <c r="E51" s="45"/>
      <c r="F51" s="45"/>
      <c r="G51" s="45"/>
      <c r="H51" s="45"/>
      <c r="I51" s="45"/>
      <c r="J51" s="45"/>
      <c r="K51" s="45"/>
      <c r="L51" s="45"/>
      <c r="M51" s="63"/>
      <c r="N51" s="45"/>
      <c r="O51" s="45"/>
      <c r="P51" s="45"/>
      <c r="Q51" s="45"/>
      <c r="R51" s="45"/>
      <c r="S51" s="45"/>
      <c r="T51" s="45"/>
      <c r="U51" s="45"/>
      <c r="V51" s="45"/>
    </row>
    <row r="52" spans="1:22">
      <c r="A52" s="45"/>
      <c r="B52" s="62"/>
      <c r="C52" s="45"/>
      <c r="D52" s="45"/>
      <c r="E52" s="45"/>
      <c r="F52" s="45"/>
      <c r="G52" s="45"/>
      <c r="H52" s="45"/>
      <c r="I52" s="45"/>
      <c r="J52" s="45"/>
      <c r="K52" s="45"/>
      <c r="L52" s="45"/>
      <c r="M52" s="63"/>
      <c r="N52" s="45"/>
      <c r="O52" s="45"/>
      <c r="P52" s="45"/>
      <c r="Q52" s="45"/>
      <c r="R52" s="45"/>
      <c r="S52" s="45"/>
      <c r="T52" s="45"/>
      <c r="U52" s="45"/>
      <c r="V52" s="45"/>
    </row>
    <row r="53" spans="1:22">
      <c r="A53" s="45"/>
      <c r="B53" s="45"/>
      <c r="C53" s="45"/>
      <c r="D53" s="45"/>
      <c r="E53" s="45"/>
      <c r="F53" s="45"/>
      <c r="G53" s="45"/>
      <c r="H53" s="45"/>
      <c r="I53" s="45"/>
      <c r="J53" s="45"/>
      <c r="K53" s="45"/>
      <c r="L53" s="45"/>
      <c r="M53" s="45"/>
      <c r="N53" s="45"/>
      <c r="O53" s="45"/>
      <c r="P53" s="45"/>
      <c r="Q53" s="45"/>
      <c r="R53" s="45"/>
      <c r="S53" s="45"/>
      <c r="T53" s="45"/>
      <c r="U53" s="45"/>
      <c r="V53" s="45"/>
    </row>
    <row r="54" spans="1:22" ht="18">
      <c r="A54" s="183" t="s">
        <v>155</v>
      </c>
      <c r="B54" s="45"/>
      <c r="C54" s="45"/>
      <c r="D54" s="45"/>
      <c r="E54" s="45"/>
      <c r="F54" s="45"/>
      <c r="G54" s="45"/>
      <c r="H54" s="45"/>
      <c r="I54" s="45"/>
      <c r="J54" s="45"/>
      <c r="K54" s="45"/>
      <c r="L54" s="45"/>
      <c r="M54" s="45"/>
      <c r="N54" s="45"/>
      <c r="O54" s="45"/>
      <c r="P54" s="45"/>
      <c r="Q54" s="45"/>
      <c r="R54" s="45"/>
      <c r="S54" s="45"/>
      <c r="T54" s="45"/>
      <c r="U54" s="45"/>
      <c r="V54" s="45"/>
    </row>
    <row r="55" spans="1:22">
      <c r="A55" s="64" t="s">
        <v>83</v>
      </c>
      <c r="B55" s="65"/>
      <c r="C55" s="66">
        <v>221527.92146398337</v>
      </c>
      <c r="D55" s="67">
        <v>304225.22220398334</v>
      </c>
      <c r="E55" s="67">
        <v>374808.96868398337</v>
      </c>
      <c r="F55" s="67">
        <v>438672.18668398337</v>
      </c>
      <c r="G55" s="67">
        <v>500294.84468398336</v>
      </c>
      <c r="H55" s="67">
        <v>340500.88355333335</v>
      </c>
      <c r="I55" s="67">
        <v>319426.24081333331</v>
      </c>
      <c r="J55" s="67">
        <v>310465.15233333333</v>
      </c>
      <c r="K55" s="67">
        <v>308224.59233333333</v>
      </c>
      <c r="L55" s="67">
        <v>319224.59233333333</v>
      </c>
      <c r="M55" s="67">
        <v>335312.76111333334</v>
      </c>
      <c r="N55" s="67">
        <v>356387.40385333332</v>
      </c>
      <c r="O55" s="67">
        <v>365348.49233333336</v>
      </c>
      <c r="P55" s="67">
        <v>367589.0523333333</v>
      </c>
      <c r="Q55" s="67">
        <v>356589.0523333333</v>
      </c>
      <c r="R55" s="67">
        <v>340500.88355333335</v>
      </c>
      <c r="S55" s="67">
        <v>319426.24081333331</v>
      </c>
      <c r="T55" s="67">
        <v>310465.15233333333</v>
      </c>
      <c r="U55" s="67">
        <v>308224.59233333333</v>
      </c>
      <c r="V55" s="68">
        <v>308224.59233333333</v>
      </c>
    </row>
    <row r="56" spans="1:22">
      <c r="A56" s="69" t="s">
        <v>84</v>
      </c>
      <c r="B56" s="70"/>
      <c r="C56" s="72">
        <v>198728.45035065003</v>
      </c>
      <c r="D56" s="72">
        <v>260351.10835065003</v>
      </c>
      <c r="E56" s="72">
        <v>321973.76635065</v>
      </c>
      <c r="F56" s="72">
        <v>383596.42435064999</v>
      </c>
      <c r="G56" s="72">
        <v>445219.08235064999</v>
      </c>
      <c r="H56" s="72">
        <v>308113.28999999998</v>
      </c>
      <c r="I56" s="72">
        <v>308113.28999999998</v>
      </c>
      <c r="J56" s="72">
        <v>308113.28999999998</v>
      </c>
      <c r="K56" s="72">
        <v>308113.28999999998</v>
      </c>
      <c r="L56" s="72">
        <v>308113.28999999998</v>
      </c>
      <c r="M56" s="72">
        <v>308113.28999999998</v>
      </c>
      <c r="N56" s="72">
        <v>308113.28999999998</v>
      </c>
      <c r="O56" s="72">
        <v>308113.28999999998</v>
      </c>
      <c r="P56" s="72">
        <v>308113.28999999998</v>
      </c>
      <c r="Q56" s="72">
        <v>308113.28999999998</v>
      </c>
      <c r="R56" s="72">
        <v>308113.28999999998</v>
      </c>
      <c r="S56" s="72">
        <v>308113.28999999998</v>
      </c>
      <c r="T56" s="72">
        <v>308113.28999999998</v>
      </c>
      <c r="U56" s="72">
        <v>308113.28999999998</v>
      </c>
      <c r="V56" s="73">
        <v>308113.28999999998</v>
      </c>
    </row>
    <row r="57" spans="1:22">
      <c r="A57" s="74" t="s">
        <v>85</v>
      </c>
      <c r="B57" s="45"/>
      <c r="C57" s="48">
        <v>111.30233333333334</v>
      </c>
      <c r="D57" s="48">
        <v>111.30233333333334</v>
      </c>
      <c r="E57" s="48">
        <v>111.30233333333334</v>
      </c>
      <c r="F57" s="48">
        <v>111.30233333333334</v>
      </c>
      <c r="G57" s="48">
        <v>111.30233333333334</v>
      </c>
      <c r="H57" s="48">
        <v>111.30233333333334</v>
      </c>
      <c r="I57" s="48">
        <v>111.30233333333334</v>
      </c>
      <c r="J57" s="48">
        <v>111.30233333333334</v>
      </c>
      <c r="K57" s="48">
        <v>111.30233333333334</v>
      </c>
      <c r="L57" s="48">
        <v>111.30233333333334</v>
      </c>
      <c r="M57" s="48">
        <v>111.30233333333334</v>
      </c>
      <c r="N57" s="48">
        <v>111.30233333333334</v>
      </c>
      <c r="O57" s="48">
        <v>111.30233333333334</v>
      </c>
      <c r="P57" s="48">
        <v>111.30233333333334</v>
      </c>
      <c r="Q57" s="48">
        <v>111.30233333333334</v>
      </c>
      <c r="R57" s="48">
        <v>111.30233333333334</v>
      </c>
      <c r="S57" s="48">
        <v>111.30233333333334</v>
      </c>
      <c r="T57" s="48">
        <v>111.30233333333334</v>
      </c>
      <c r="U57" s="48">
        <v>111.30233333333334</v>
      </c>
      <c r="V57" s="48">
        <v>111.30233333333334</v>
      </c>
    </row>
    <row r="58" spans="1:22">
      <c r="A58" s="77" t="s">
        <v>86</v>
      </c>
      <c r="B58" s="78"/>
      <c r="C58" s="80">
        <v>22688.16878</v>
      </c>
      <c r="D58" s="80">
        <v>43762.811520000003</v>
      </c>
      <c r="E58" s="80">
        <v>52723.9</v>
      </c>
      <c r="F58" s="80">
        <v>54964.46</v>
      </c>
      <c r="G58" s="80">
        <v>54964.46</v>
      </c>
      <c r="H58" s="80">
        <v>32276.291220000003</v>
      </c>
      <c r="I58" s="80">
        <v>11201.64848</v>
      </c>
      <c r="J58" s="80">
        <v>2240.56</v>
      </c>
      <c r="K58" s="80">
        <v>0</v>
      </c>
      <c r="L58" s="80">
        <v>11000</v>
      </c>
      <c r="M58" s="80">
        <v>27088.16878</v>
      </c>
      <c r="N58" s="80">
        <v>48162.811520000003</v>
      </c>
      <c r="O58" s="80">
        <v>57123.899999999994</v>
      </c>
      <c r="P58" s="80">
        <v>59364.459999999992</v>
      </c>
      <c r="Q58" s="80">
        <v>48364.459999999992</v>
      </c>
      <c r="R58" s="80">
        <v>32276.291219999999</v>
      </c>
      <c r="S58" s="80">
        <v>11201.64848</v>
      </c>
      <c r="T58" s="80">
        <v>2240.56</v>
      </c>
      <c r="U58" s="80">
        <v>0</v>
      </c>
      <c r="V58" s="81">
        <v>0</v>
      </c>
    </row>
    <row r="88" spans="11:11" ht="12.75">
      <c r="K88" s="172" t="s">
        <v>173</v>
      </c>
    </row>
  </sheetData>
  <pageMargins left="0.19685039370078741" right="0.19685039370078741" top="0.19685039370078741" bottom="0.19685039370078741" header="0.31496062992125984" footer="1.38"/>
  <pageSetup paperSize="9" scale="55" fitToWidth="2" orientation="landscape" r:id="rId1"/>
  <drawing r:id="rId2"/>
</worksheet>
</file>

<file path=xl/worksheets/sheet7.xml><?xml version="1.0" encoding="utf-8"?>
<worksheet xmlns="http://schemas.openxmlformats.org/spreadsheetml/2006/main" xmlns:r="http://schemas.openxmlformats.org/officeDocument/2006/relationships">
  <sheetPr codeName="Plan14"/>
  <dimension ref="A1:V88"/>
  <sheetViews>
    <sheetView view="pageBreakPreview" topLeftCell="A52" zoomScale="80" zoomScaleNormal="100" zoomScaleSheetLayoutView="80" workbookViewId="0">
      <selection activeCell="K89" sqref="K89"/>
    </sheetView>
  </sheetViews>
  <sheetFormatPr defaultRowHeight="11.25"/>
  <cols>
    <col min="1" max="1" width="34.85546875" style="2" customWidth="1"/>
    <col min="2" max="2" width="11.7109375" style="2" bestFit="1" customWidth="1"/>
    <col min="3" max="3" width="11.5703125" style="2" bestFit="1" customWidth="1"/>
    <col min="4" max="22" width="10.5703125" style="2" customWidth="1"/>
    <col min="23" max="23" width="9.140625" style="2"/>
    <col min="24" max="25" width="9.140625" style="2" customWidth="1"/>
    <col min="26" max="16384" width="9.140625" style="2"/>
  </cols>
  <sheetData>
    <row r="1" spans="1:22" ht="18">
      <c r="A1" s="165" t="s">
        <v>89</v>
      </c>
    </row>
    <row r="4" spans="1:22" ht="18">
      <c r="A4" s="165" t="s">
        <v>152</v>
      </c>
    </row>
    <row r="5" spans="1:22" ht="15.75">
      <c r="A5" s="173" t="s">
        <v>48</v>
      </c>
    </row>
    <row r="6" spans="1:22" ht="15.75">
      <c r="A6" s="173" t="s">
        <v>153</v>
      </c>
    </row>
    <row r="7" spans="1:22" ht="12.75">
      <c r="A7" s="174" t="s">
        <v>56</v>
      </c>
      <c r="B7" s="175"/>
      <c r="C7" s="176">
        <v>10</v>
      </c>
    </row>
    <row r="8" spans="1:22" ht="12.75">
      <c r="A8" s="177" t="s">
        <v>58</v>
      </c>
      <c r="B8" s="178"/>
      <c r="C8" s="187">
        <v>49092.971970419196</v>
      </c>
    </row>
    <row r="9" spans="1:22" ht="12.75">
      <c r="A9" s="180"/>
      <c r="B9" s="180"/>
      <c r="C9" s="121"/>
    </row>
    <row r="10" spans="1:22" ht="12.75">
      <c r="A10" s="174" t="s">
        <v>59</v>
      </c>
      <c r="B10" s="175"/>
      <c r="C10" s="181">
        <v>41181.305173382141</v>
      </c>
    </row>
    <row r="11" spans="1:22" ht="12.75">
      <c r="A11" s="174" t="s">
        <v>60</v>
      </c>
      <c r="B11" s="175"/>
      <c r="C11" s="181">
        <v>13002.42123</v>
      </c>
    </row>
    <row r="12" spans="1:22" ht="12.75">
      <c r="A12" s="174" t="s">
        <v>61</v>
      </c>
      <c r="B12" s="175"/>
      <c r="C12" s="182">
        <v>28178.883943382141</v>
      </c>
    </row>
    <row r="13" spans="1:22" ht="12.75">
      <c r="A13" s="174" t="s">
        <v>62</v>
      </c>
      <c r="B13" s="175"/>
      <c r="C13" s="181">
        <v>0</v>
      </c>
    </row>
    <row r="14" spans="1:22">
      <c r="A14" s="45"/>
      <c r="B14" s="45"/>
      <c r="C14" s="48"/>
    </row>
    <row r="15" spans="1:22" ht="18">
      <c r="A15" s="183" t="s">
        <v>154</v>
      </c>
      <c r="C15" s="48"/>
      <c r="D15" s="83"/>
      <c r="V15" s="49" t="s">
        <v>63</v>
      </c>
    </row>
    <row r="16" spans="1:22">
      <c r="A16" s="50"/>
      <c r="B16" s="50" t="s">
        <v>2</v>
      </c>
      <c r="C16" s="50" t="s">
        <v>3</v>
      </c>
      <c r="D16" s="50" t="s">
        <v>4</v>
      </c>
      <c r="E16" s="50" t="s">
        <v>5</v>
      </c>
      <c r="F16" s="50" t="s">
        <v>6</v>
      </c>
      <c r="G16" s="50" t="s">
        <v>7</v>
      </c>
      <c r="H16" s="50" t="s">
        <v>8</v>
      </c>
      <c r="I16" s="50" t="s">
        <v>9</v>
      </c>
      <c r="J16" s="50" t="s">
        <v>10</v>
      </c>
      <c r="K16" s="50" t="s">
        <v>11</v>
      </c>
      <c r="L16" s="50" t="s">
        <v>12</v>
      </c>
      <c r="M16" s="50" t="s">
        <v>13</v>
      </c>
      <c r="N16" s="50" t="s">
        <v>14</v>
      </c>
      <c r="O16" s="50" t="s">
        <v>15</v>
      </c>
      <c r="P16" s="50" t="s">
        <v>16</v>
      </c>
      <c r="Q16" s="50" t="s">
        <v>17</v>
      </c>
      <c r="R16" s="50" t="s">
        <v>18</v>
      </c>
      <c r="S16" s="50" t="s">
        <v>19</v>
      </c>
      <c r="T16" s="50" t="s">
        <v>20</v>
      </c>
      <c r="U16" s="50" t="s">
        <v>21</v>
      </c>
      <c r="V16" s="50" t="s">
        <v>22</v>
      </c>
    </row>
    <row r="17" spans="1:22">
      <c r="A17" s="45" t="s">
        <v>64</v>
      </c>
      <c r="B17" s="45"/>
      <c r="C17" s="48">
        <v>5891156.6364503037</v>
      </c>
      <c r="D17" s="48">
        <v>5891156.6364503037</v>
      </c>
      <c r="E17" s="48">
        <v>5891156.6364503037</v>
      </c>
      <c r="F17" s="48">
        <v>5891156.6364503037</v>
      </c>
      <c r="G17" s="48">
        <v>5891156.6364503037</v>
      </c>
      <c r="H17" s="48">
        <v>5891156.6364503037</v>
      </c>
      <c r="I17" s="48">
        <v>5891156.6364503037</v>
      </c>
      <c r="J17" s="48">
        <v>5891156.6364503037</v>
      </c>
      <c r="K17" s="48">
        <v>5891156.6364503037</v>
      </c>
      <c r="L17" s="48">
        <v>5891156.6364503037</v>
      </c>
      <c r="M17" s="48">
        <v>5891156.6364503037</v>
      </c>
      <c r="N17" s="48">
        <v>5891156.6364503037</v>
      </c>
      <c r="O17" s="48">
        <v>5891156.6364503037</v>
      </c>
      <c r="P17" s="48">
        <v>5891156.6364503037</v>
      </c>
      <c r="Q17" s="48">
        <v>5891156.6364503037</v>
      </c>
      <c r="R17" s="48">
        <v>5891156.6364503037</v>
      </c>
      <c r="S17" s="48">
        <v>5891156.6364503037</v>
      </c>
      <c r="T17" s="48">
        <v>5891156.6364503037</v>
      </c>
      <c r="U17" s="48">
        <v>5891156.6364503037</v>
      </c>
      <c r="V17" s="48">
        <v>5891156.6364503037</v>
      </c>
    </row>
    <row r="18" spans="1:22">
      <c r="A18" s="51" t="s">
        <v>65</v>
      </c>
      <c r="B18" s="51"/>
      <c r="C18" s="52">
        <v>117823.13272900607</v>
      </c>
      <c r="D18" s="52">
        <v>117823.13272900607</v>
      </c>
      <c r="E18" s="52">
        <v>117823.13272900607</v>
      </c>
      <c r="F18" s="52">
        <v>117823.13272900607</v>
      </c>
      <c r="G18" s="52">
        <v>117823.13272900607</v>
      </c>
      <c r="H18" s="52">
        <v>117823.13272900607</v>
      </c>
      <c r="I18" s="52">
        <v>117823.13272900607</v>
      </c>
      <c r="J18" s="52">
        <v>117823.13272900607</v>
      </c>
      <c r="K18" s="52">
        <v>117823.13272900607</v>
      </c>
      <c r="L18" s="52">
        <v>117823.13272900607</v>
      </c>
      <c r="M18" s="52">
        <v>117823.13272900607</v>
      </c>
      <c r="N18" s="52">
        <v>117823.13272900607</v>
      </c>
      <c r="O18" s="52">
        <v>117823.13272900607</v>
      </c>
      <c r="P18" s="52">
        <v>117823.13272900607</v>
      </c>
      <c r="Q18" s="52">
        <v>117823.13272900607</v>
      </c>
      <c r="R18" s="52">
        <v>117823.13272900607</v>
      </c>
      <c r="S18" s="52">
        <v>117823.13272900607</v>
      </c>
      <c r="T18" s="52">
        <v>117823.13272900607</v>
      </c>
      <c r="U18" s="52">
        <v>117823.13272900607</v>
      </c>
      <c r="V18" s="52">
        <v>117823.13272900607</v>
      </c>
    </row>
    <row r="19" spans="1:22">
      <c r="A19" s="45" t="s">
        <v>66</v>
      </c>
      <c r="B19" s="45"/>
      <c r="C19" s="53">
        <v>5773333.5037212977</v>
      </c>
      <c r="D19" s="53">
        <v>5773333.5037212977</v>
      </c>
      <c r="E19" s="53">
        <v>5773333.5037212977</v>
      </c>
      <c r="F19" s="53">
        <v>5773333.5037212977</v>
      </c>
      <c r="G19" s="53">
        <v>5773333.5037212977</v>
      </c>
      <c r="H19" s="53">
        <v>5773333.5037212977</v>
      </c>
      <c r="I19" s="53">
        <v>5773333.5037212977</v>
      </c>
      <c r="J19" s="53">
        <v>5773333.5037212977</v>
      </c>
      <c r="K19" s="53">
        <v>5773333.5037212977</v>
      </c>
      <c r="L19" s="53">
        <v>5773333.5037212977</v>
      </c>
      <c r="M19" s="53">
        <v>5773333.5037212977</v>
      </c>
      <c r="N19" s="53">
        <v>5773333.5037212977</v>
      </c>
      <c r="O19" s="53">
        <v>5773333.5037212977</v>
      </c>
      <c r="P19" s="53">
        <v>5773333.5037212977</v>
      </c>
      <c r="Q19" s="53">
        <v>5773333.5037212977</v>
      </c>
      <c r="R19" s="53">
        <v>5773333.5037212977</v>
      </c>
      <c r="S19" s="53">
        <v>5773333.5037212977</v>
      </c>
      <c r="T19" s="53">
        <v>5773333.5037212977</v>
      </c>
      <c r="U19" s="53">
        <v>5773333.5037212977</v>
      </c>
      <c r="V19" s="53">
        <v>5773333.5037212977</v>
      </c>
    </row>
    <row r="20" spans="1:22">
      <c r="A20" s="45"/>
      <c r="B20" s="45"/>
      <c r="C20" s="45"/>
      <c r="D20" s="45"/>
      <c r="E20" s="45"/>
      <c r="F20" s="45"/>
      <c r="G20" s="45"/>
      <c r="H20" s="45"/>
      <c r="I20" s="45"/>
      <c r="J20" s="45"/>
      <c r="K20" s="45"/>
      <c r="L20" s="45"/>
      <c r="M20" s="45"/>
      <c r="N20" s="45"/>
      <c r="O20" s="45"/>
      <c r="P20" s="45"/>
      <c r="Q20" s="45"/>
      <c r="R20" s="45"/>
      <c r="S20" s="45"/>
      <c r="T20" s="45"/>
      <c r="U20" s="45"/>
      <c r="V20" s="45"/>
    </row>
    <row r="21" spans="1:22">
      <c r="A21" s="51" t="s">
        <v>67</v>
      </c>
      <c r="B21" s="51"/>
      <c r="C21" s="52">
        <v>4948759.820805857</v>
      </c>
      <c r="D21" s="52">
        <v>4948759.820805857</v>
      </c>
      <c r="E21" s="52">
        <v>4948759.820805857</v>
      </c>
      <c r="F21" s="52">
        <v>4956162.6208058568</v>
      </c>
      <c r="G21" s="52">
        <v>4956162.6208058568</v>
      </c>
      <c r="H21" s="52">
        <v>4956162.6208058568</v>
      </c>
      <c r="I21" s="52">
        <v>4956162.6208058568</v>
      </c>
      <c r="J21" s="52">
        <v>4956162.6208058568</v>
      </c>
      <c r="K21" s="52">
        <v>4956162.6208058568</v>
      </c>
      <c r="L21" s="52">
        <v>4956162.6208058568</v>
      </c>
      <c r="M21" s="54">
        <v>4948759.820805857</v>
      </c>
      <c r="N21" s="54">
        <v>4948759.820805857</v>
      </c>
      <c r="O21" s="54">
        <v>4948759.820805857</v>
      </c>
      <c r="P21" s="54">
        <v>4956162.6208058568</v>
      </c>
      <c r="Q21" s="54">
        <v>4956162.6208058568</v>
      </c>
      <c r="R21" s="54">
        <v>4956162.6208058568</v>
      </c>
      <c r="S21" s="54">
        <v>4956162.6208058568</v>
      </c>
      <c r="T21" s="54">
        <v>4956162.6208058568</v>
      </c>
      <c r="U21" s="54">
        <v>4956162.6208058568</v>
      </c>
      <c r="V21" s="54">
        <v>4956162.6208058568</v>
      </c>
    </row>
    <row r="22" spans="1:22">
      <c r="A22" s="45"/>
      <c r="B22" s="45"/>
      <c r="C22" s="53"/>
      <c r="D22" s="45"/>
      <c r="E22" s="45"/>
      <c r="F22" s="45"/>
      <c r="G22" s="45"/>
      <c r="H22" s="45"/>
      <c r="I22" s="45"/>
      <c r="J22" s="45"/>
      <c r="K22" s="45"/>
      <c r="L22" s="45"/>
      <c r="M22" s="45"/>
      <c r="N22" s="45"/>
      <c r="O22" s="45"/>
      <c r="P22" s="45"/>
      <c r="Q22" s="45"/>
      <c r="R22" s="45"/>
      <c r="S22" s="45"/>
      <c r="T22" s="45"/>
      <c r="U22" s="45"/>
      <c r="V22" s="45"/>
    </row>
    <row r="23" spans="1:22">
      <c r="A23" s="45" t="s">
        <v>68</v>
      </c>
      <c r="B23" s="45"/>
      <c r="C23" s="48">
        <v>326837.98278583342</v>
      </c>
      <c r="D23" s="48">
        <v>445689.9162858334</v>
      </c>
      <c r="E23" s="48">
        <v>553503.01400583342</v>
      </c>
      <c r="F23" s="48">
        <v>650021.27400583331</v>
      </c>
      <c r="G23" s="48">
        <v>744298.97400583327</v>
      </c>
      <c r="H23" s="48">
        <v>511849.99355333333</v>
      </c>
      <c r="I23" s="48">
        <v>487275.76005333336</v>
      </c>
      <c r="J23" s="48">
        <v>473740.36233333335</v>
      </c>
      <c r="K23" s="48">
        <v>471499.80233333335</v>
      </c>
      <c r="L23" s="48">
        <v>482499.80233333335</v>
      </c>
      <c r="M23" s="48">
        <v>498587.97111333336</v>
      </c>
      <c r="N23" s="48">
        <v>523162.20461333334</v>
      </c>
      <c r="O23" s="48">
        <v>536697.60233333334</v>
      </c>
      <c r="P23" s="48">
        <v>538938.1623333334</v>
      </c>
      <c r="Q23" s="48">
        <v>527938.1623333334</v>
      </c>
      <c r="R23" s="48">
        <v>511849.99355333333</v>
      </c>
      <c r="S23" s="48">
        <v>487275.76005333336</v>
      </c>
      <c r="T23" s="48">
        <v>473740.36233333335</v>
      </c>
      <c r="U23" s="48">
        <v>471499.80233333335</v>
      </c>
      <c r="V23" s="48">
        <v>471499.80233333335</v>
      </c>
    </row>
    <row r="24" spans="1:22">
      <c r="A24" s="45"/>
      <c r="B24" s="45"/>
      <c r="C24" s="45"/>
      <c r="D24" s="45"/>
      <c r="E24" s="45"/>
      <c r="F24" s="45"/>
      <c r="G24" s="45"/>
      <c r="H24" s="45"/>
      <c r="I24" s="45"/>
      <c r="J24" s="45"/>
      <c r="K24" s="45"/>
      <c r="L24" s="45"/>
      <c r="M24" s="45"/>
      <c r="N24" s="45"/>
      <c r="O24" s="45"/>
      <c r="P24" s="45"/>
      <c r="Q24" s="45"/>
      <c r="R24" s="45"/>
      <c r="S24" s="45"/>
      <c r="T24" s="45"/>
      <c r="U24" s="45"/>
      <c r="V24" s="45"/>
    </row>
    <row r="25" spans="1:22">
      <c r="A25" s="51" t="s">
        <v>69</v>
      </c>
      <c r="B25" s="51"/>
      <c r="C25" s="54">
        <v>497735.70012960734</v>
      </c>
      <c r="D25" s="54">
        <v>378883.76662960736</v>
      </c>
      <c r="E25" s="54">
        <v>271070.66890960734</v>
      </c>
      <c r="F25" s="54">
        <v>167149.60890960763</v>
      </c>
      <c r="G25" s="54">
        <v>72871.908909607679</v>
      </c>
      <c r="H25" s="54">
        <v>305320.88936210761</v>
      </c>
      <c r="I25" s="54">
        <v>329895.12286210759</v>
      </c>
      <c r="J25" s="54">
        <v>343430.52058210759</v>
      </c>
      <c r="K25" s="54">
        <v>345671.08058210759</v>
      </c>
      <c r="L25" s="54">
        <v>334671.08058210759</v>
      </c>
      <c r="M25" s="54">
        <v>325985.7118021074</v>
      </c>
      <c r="N25" s="54">
        <v>301411.47830210743</v>
      </c>
      <c r="O25" s="54">
        <v>287876.08058210742</v>
      </c>
      <c r="P25" s="54">
        <v>278232.72058210755</v>
      </c>
      <c r="Q25" s="54">
        <v>289232.72058210755</v>
      </c>
      <c r="R25" s="54">
        <v>305320.88936210761</v>
      </c>
      <c r="S25" s="54">
        <v>329895.12286210759</v>
      </c>
      <c r="T25" s="54">
        <v>343430.52058210759</v>
      </c>
      <c r="U25" s="54">
        <v>345671.08058210759</v>
      </c>
      <c r="V25" s="54">
        <v>345671.08058210759</v>
      </c>
    </row>
    <row r="26" spans="1:22">
      <c r="A26" s="45"/>
      <c r="B26" s="45"/>
      <c r="C26" s="45"/>
      <c r="D26" s="45"/>
      <c r="E26" s="45"/>
      <c r="F26" s="45"/>
      <c r="G26" s="45"/>
      <c r="H26" s="45"/>
      <c r="I26" s="45"/>
      <c r="J26" s="45"/>
      <c r="K26" s="45"/>
      <c r="L26" s="45"/>
      <c r="M26" s="45"/>
      <c r="N26" s="45"/>
      <c r="O26" s="45"/>
      <c r="P26" s="45"/>
      <c r="Q26" s="45"/>
      <c r="R26" s="45"/>
      <c r="S26" s="45"/>
      <c r="T26" s="45"/>
      <c r="U26" s="45"/>
      <c r="V26" s="45"/>
    </row>
    <row r="27" spans="1:22">
      <c r="A27" s="45" t="s">
        <v>70</v>
      </c>
      <c r="B27" s="45"/>
      <c r="C27" s="48">
        <v>169230.13804406649</v>
      </c>
      <c r="D27" s="48">
        <v>128820.48065406652</v>
      </c>
      <c r="E27" s="48">
        <v>92164.027429266498</v>
      </c>
      <c r="F27" s="48">
        <v>56830.867029266599</v>
      </c>
      <c r="G27" s="48">
        <v>24776.449029266612</v>
      </c>
      <c r="H27" s="48">
        <v>103809.10238311659</v>
      </c>
      <c r="I27" s="48">
        <v>112164.34177311658</v>
      </c>
      <c r="J27" s="48">
        <v>116766.3769979166</v>
      </c>
      <c r="K27" s="48">
        <v>117528.16739791659</v>
      </c>
      <c r="L27" s="48">
        <v>113788.16739791659</v>
      </c>
      <c r="M27" s="48">
        <v>110835.14201271652</v>
      </c>
      <c r="N27" s="48">
        <v>102479.90262271653</v>
      </c>
      <c r="O27" s="48">
        <v>97877.867397916532</v>
      </c>
      <c r="P27" s="48">
        <v>94599.124997916573</v>
      </c>
      <c r="Q27" s="48">
        <v>98339.124997916573</v>
      </c>
      <c r="R27" s="48">
        <v>103809.10238311659</v>
      </c>
      <c r="S27" s="48">
        <v>112164.34177311658</v>
      </c>
      <c r="T27" s="48">
        <v>116766.3769979166</v>
      </c>
      <c r="U27" s="48">
        <v>117528.16739791659</v>
      </c>
      <c r="V27" s="48">
        <v>117528.16739791659</v>
      </c>
    </row>
    <row r="28" spans="1:22">
      <c r="A28" s="45"/>
      <c r="B28" s="45"/>
      <c r="C28" s="45"/>
      <c r="D28" s="45"/>
      <c r="E28" s="45"/>
      <c r="F28" s="45"/>
      <c r="G28" s="45"/>
      <c r="H28" s="45"/>
      <c r="I28" s="45"/>
      <c r="J28" s="45"/>
      <c r="K28" s="45"/>
      <c r="L28" s="45"/>
      <c r="M28" s="45"/>
      <c r="N28" s="45"/>
      <c r="O28" s="45"/>
      <c r="P28" s="45"/>
      <c r="Q28" s="45"/>
      <c r="R28" s="45"/>
      <c r="S28" s="45"/>
      <c r="T28" s="45"/>
      <c r="U28" s="45"/>
      <c r="V28" s="45"/>
    </row>
    <row r="29" spans="1:22">
      <c r="A29" s="51" t="s">
        <v>71</v>
      </c>
      <c r="B29" s="51"/>
      <c r="C29" s="54">
        <v>328505.56208554085</v>
      </c>
      <c r="D29" s="54">
        <v>250063.28597554084</v>
      </c>
      <c r="E29" s="54">
        <v>178906.64148034086</v>
      </c>
      <c r="F29" s="54">
        <v>110318.74188034103</v>
      </c>
      <c r="G29" s="54">
        <v>48095.459880341063</v>
      </c>
      <c r="H29" s="54">
        <v>201511.786978991</v>
      </c>
      <c r="I29" s="54">
        <v>217730.781088991</v>
      </c>
      <c r="J29" s="54">
        <v>226664.14358419098</v>
      </c>
      <c r="K29" s="54">
        <v>228142.91318419098</v>
      </c>
      <c r="L29" s="54">
        <v>220882.91318419098</v>
      </c>
      <c r="M29" s="54">
        <v>215150.56978939089</v>
      </c>
      <c r="N29" s="54">
        <v>198931.57567939089</v>
      </c>
      <c r="O29" s="54">
        <v>189998.21318419088</v>
      </c>
      <c r="P29" s="54">
        <v>183633.59558419097</v>
      </c>
      <c r="Q29" s="54">
        <v>190893.59558419097</v>
      </c>
      <c r="R29" s="54">
        <v>201511.786978991</v>
      </c>
      <c r="S29" s="54">
        <v>217730.781088991</v>
      </c>
      <c r="T29" s="54">
        <v>226664.14358419098</v>
      </c>
      <c r="U29" s="54">
        <v>228142.91318419098</v>
      </c>
      <c r="V29" s="54">
        <v>228142.91318419098</v>
      </c>
    </row>
    <row r="30" spans="1:22">
      <c r="A30" s="45"/>
      <c r="B30" s="45"/>
      <c r="C30" s="45"/>
      <c r="D30" s="45"/>
      <c r="E30" s="45"/>
      <c r="F30" s="45"/>
      <c r="G30" s="45"/>
      <c r="H30" s="45"/>
      <c r="I30" s="45"/>
      <c r="J30" s="45"/>
      <c r="K30" s="45"/>
      <c r="L30" s="45"/>
      <c r="M30" s="45"/>
      <c r="N30" s="45"/>
      <c r="O30" s="45"/>
      <c r="P30" s="45"/>
      <c r="Q30" s="45"/>
      <c r="R30" s="45"/>
      <c r="S30" s="45"/>
      <c r="T30" s="45"/>
      <c r="U30" s="45"/>
      <c r="V30" s="45"/>
    </row>
    <row r="31" spans="1:22">
      <c r="A31" s="45" t="s">
        <v>72</v>
      </c>
      <c r="B31" s="45"/>
      <c r="C31" s="48">
        <v>326837.98278583342</v>
      </c>
      <c r="D31" s="48">
        <v>445689.9162858334</v>
      </c>
      <c r="E31" s="48">
        <v>553503.01400583342</v>
      </c>
      <c r="F31" s="48">
        <v>650021.27400583331</v>
      </c>
      <c r="G31" s="48">
        <v>744298.97400583327</v>
      </c>
      <c r="H31" s="48">
        <v>511849.99355333333</v>
      </c>
      <c r="I31" s="48">
        <v>487275.76005333336</v>
      </c>
      <c r="J31" s="48">
        <v>473740.36233333335</v>
      </c>
      <c r="K31" s="48">
        <v>471499.80233333335</v>
      </c>
      <c r="L31" s="48">
        <v>482499.80233333335</v>
      </c>
      <c r="M31" s="48">
        <v>498587.97111333336</v>
      </c>
      <c r="N31" s="48">
        <v>523162.20461333334</v>
      </c>
      <c r="O31" s="48">
        <v>536697.60233333334</v>
      </c>
      <c r="P31" s="48">
        <v>538938.1623333334</v>
      </c>
      <c r="Q31" s="48">
        <v>527938.1623333334</v>
      </c>
      <c r="R31" s="48">
        <v>511849.99355333333</v>
      </c>
      <c r="S31" s="48">
        <v>487275.76005333336</v>
      </c>
      <c r="T31" s="48">
        <v>473740.36233333335</v>
      </c>
      <c r="U31" s="48">
        <v>471499.80233333335</v>
      </c>
      <c r="V31" s="48">
        <v>471499.80233333335</v>
      </c>
    </row>
    <row r="32" spans="1:22">
      <c r="A32" s="45"/>
      <c r="B32" s="45"/>
      <c r="C32" s="45"/>
      <c r="D32" s="45"/>
      <c r="E32" s="45"/>
      <c r="F32" s="45"/>
      <c r="G32" s="45"/>
      <c r="H32" s="45"/>
      <c r="I32" s="45"/>
      <c r="J32" s="45"/>
      <c r="K32" s="45"/>
      <c r="L32" s="45"/>
      <c r="M32" s="45"/>
      <c r="N32" s="45"/>
      <c r="O32" s="45"/>
      <c r="P32" s="45"/>
      <c r="Q32" s="45"/>
      <c r="R32" s="45"/>
      <c r="S32" s="45"/>
      <c r="T32" s="45"/>
      <c r="U32" s="45"/>
      <c r="V32" s="45"/>
    </row>
    <row r="33" spans="1:22">
      <c r="A33" s="51" t="s">
        <v>73</v>
      </c>
      <c r="B33" s="51"/>
      <c r="C33" s="54">
        <v>655343.54487137427</v>
      </c>
      <c r="D33" s="54">
        <v>695753.20226137422</v>
      </c>
      <c r="E33" s="54">
        <v>732409.65548617428</v>
      </c>
      <c r="F33" s="54">
        <v>760340.01588617428</v>
      </c>
      <c r="G33" s="54">
        <v>792394.43388617435</v>
      </c>
      <c r="H33" s="54">
        <v>713361.78053232434</v>
      </c>
      <c r="I33" s="54">
        <v>705006.54114232433</v>
      </c>
      <c r="J33" s="54">
        <v>700404.50591752434</v>
      </c>
      <c r="K33" s="54">
        <v>699642.7155175244</v>
      </c>
      <c r="L33" s="54">
        <v>703382.7155175244</v>
      </c>
      <c r="M33" s="54">
        <v>713738.54090272426</v>
      </c>
      <c r="N33" s="54">
        <v>722093.78029272426</v>
      </c>
      <c r="O33" s="54">
        <v>726695.81551752426</v>
      </c>
      <c r="P33" s="54">
        <v>722571.75791752432</v>
      </c>
      <c r="Q33" s="54">
        <v>718831.75791752432</v>
      </c>
      <c r="R33" s="54">
        <v>713361.78053232434</v>
      </c>
      <c r="S33" s="54">
        <v>705006.54114232433</v>
      </c>
      <c r="T33" s="54">
        <v>700404.50591752434</v>
      </c>
      <c r="U33" s="54">
        <v>699642.7155175244</v>
      </c>
      <c r="V33" s="54">
        <v>699642.7155175244</v>
      </c>
    </row>
    <row r="34" spans="1:22">
      <c r="A34" s="45"/>
      <c r="B34" s="45"/>
      <c r="C34" s="45"/>
      <c r="D34" s="45"/>
      <c r="E34" s="45"/>
      <c r="F34" s="45"/>
      <c r="G34" s="45"/>
      <c r="H34" s="45"/>
      <c r="I34" s="45"/>
      <c r="J34" s="45"/>
      <c r="K34" s="45"/>
      <c r="L34" s="45"/>
      <c r="M34" s="45"/>
      <c r="N34" s="45"/>
      <c r="O34" s="45"/>
      <c r="P34" s="45"/>
      <c r="Q34" s="45"/>
      <c r="R34" s="45"/>
      <c r="S34" s="45"/>
      <c r="T34" s="45"/>
      <c r="U34" s="45"/>
      <c r="V34" s="45"/>
    </row>
    <row r="35" spans="1:22">
      <c r="A35" s="45" t="s">
        <v>74</v>
      </c>
      <c r="B35" s="53">
        <v>2132484.7415719987</v>
      </c>
      <c r="C35" s="53">
        <v>551829.34389999998</v>
      </c>
      <c r="D35" s="53">
        <v>594259.66749999998</v>
      </c>
      <c r="E35" s="53">
        <v>539065.48860000004</v>
      </c>
      <c r="F35" s="53">
        <v>482591.3</v>
      </c>
      <c r="G35" s="53">
        <v>471388.5</v>
      </c>
      <c r="H35" s="53">
        <v>471388.5</v>
      </c>
      <c r="I35" s="53">
        <v>471388.5</v>
      </c>
      <c r="J35" s="53">
        <v>471388.5</v>
      </c>
      <c r="K35" s="53">
        <v>471388.5</v>
      </c>
      <c r="L35" s="53">
        <v>526388.5</v>
      </c>
      <c r="M35" s="53">
        <v>551829.34389999998</v>
      </c>
      <c r="N35" s="53">
        <v>594259.66749999998</v>
      </c>
      <c r="O35" s="53">
        <v>539065.48860000004</v>
      </c>
      <c r="P35" s="53">
        <v>482591.3</v>
      </c>
      <c r="Q35" s="53">
        <v>471388.5</v>
      </c>
      <c r="R35" s="53">
        <v>471388.5</v>
      </c>
      <c r="S35" s="53">
        <v>471388.5</v>
      </c>
      <c r="T35" s="53">
        <v>471388.5</v>
      </c>
      <c r="U35" s="53">
        <v>471388.5</v>
      </c>
      <c r="V35" s="53">
        <v>403597.26957800193</v>
      </c>
    </row>
    <row r="36" spans="1:22">
      <c r="A36" s="55" t="s">
        <v>75</v>
      </c>
      <c r="B36" s="54">
        <v>2026923.4111500005</v>
      </c>
      <c r="C36" s="54">
        <v>471388.5</v>
      </c>
      <c r="D36" s="54">
        <v>471388.5</v>
      </c>
      <c r="E36" s="54">
        <v>471388.5</v>
      </c>
      <c r="F36" s="54">
        <v>471388.5</v>
      </c>
      <c r="G36" s="54">
        <v>471388.5</v>
      </c>
      <c r="H36" s="54">
        <v>471388.5</v>
      </c>
      <c r="I36" s="54">
        <v>471388.5</v>
      </c>
      <c r="J36" s="54">
        <v>471388.5</v>
      </c>
      <c r="K36" s="54">
        <v>471388.5</v>
      </c>
      <c r="L36" s="54">
        <v>471388.5</v>
      </c>
      <c r="M36" s="54">
        <v>471388.5</v>
      </c>
      <c r="N36" s="54">
        <v>471388.5</v>
      </c>
      <c r="O36" s="54">
        <v>471388.5</v>
      </c>
      <c r="P36" s="54">
        <v>471388.5</v>
      </c>
      <c r="Q36" s="54">
        <v>471388.5</v>
      </c>
      <c r="R36" s="54">
        <v>471388.5</v>
      </c>
      <c r="S36" s="54">
        <v>471388.5</v>
      </c>
      <c r="T36" s="54">
        <v>471388.5</v>
      </c>
      <c r="U36" s="54">
        <v>471388.5</v>
      </c>
      <c r="V36" s="54">
        <v>471388.5</v>
      </c>
    </row>
    <row r="37" spans="1:22">
      <c r="A37" s="56" t="s">
        <v>76</v>
      </c>
      <c r="B37" s="48">
        <v>33000</v>
      </c>
      <c r="C37" s="48">
        <v>80440.843899999993</v>
      </c>
      <c r="D37" s="48">
        <v>122871.1675</v>
      </c>
      <c r="E37" s="48">
        <v>67676.988600000012</v>
      </c>
      <c r="F37" s="48">
        <v>11202.8</v>
      </c>
      <c r="G37" s="48">
        <v>0</v>
      </c>
      <c r="H37" s="48">
        <v>0</v>
      </c>
      <c r="I37" s="48">
        <v>0</v>
      </c>
      <c r="J37" s="48">
        <v>0</v>
      </c>
      <c r="K37" s="48">
        <v>0</v>
      </c>
      <c r="L37" s="48">
        <v>55000</v>
      </c>
      <c r="M37" s="48">
        <v>80440.843899999993</v>
      </c>
      <c r="N37" s="48">
        <v>122871.1675</v>
      </c>
      <c r="O37" s="48">
        <v>67676.988600000012</v>
      </c>
      <c r="P37" s="48">
        <v>11202.8</v>
      </c>
      <c r="Q37" s="48">
        <v>0</v>
      </c>
      <c r="R37" s="48">
        <v>0</v>
      </c>
      <c r="S37" s="48">
        <v>0</v>
      </c>
      <c r="T37" s="48">
        <v>0</v>
      </c>
      <c r="U37" s="48">
        <v>0</v>
      </c>
      <c r="V37" s="48">
        <v>0</v>
      </c>
    </row>
    <row r="38" spans="1:22">
      <c r="A38" s="55" t="s">
        <v>77</v>
      </c>
      <c r="B38" s="57">
        <v>4770.1000000000004</v>
      </c>
      <c r="C38" s="51">
        <v>0</v>
      </c>
      <c r="D38" s="51">
        <v>0</v>
      </c>
      <c r="E38" s="51">
        <v>0</v>
      </c>
      <c r="F38" s="51">
        <v>0</v>
      </c>
      <c r="G38" s="51">
        <v>0</v>
      </c>
      <c r="H38" s="51">
        <v>0</v>
      </c>
      <c r="I38" s="51">
        <v>0</v>
      </c>
      <c r="J38" s="51">
        <v>0</v>
      </c>
      <c r="K38" s="51">
        <v>0</v>
      </c>
      <c r="L38" s="51">
        <v>0</v>
      </c>
      <c r="M38" s="51"/>
      <c r="N38" s="51"/>
      <c r="O38" s="51"/>
      <c r="P38" s="51"/>
      <c r="Q38" s="51"/>
      <c r="R38" s="51"/>
      <c r="S38" s="51"/>
      <c r="T38" s="51"/>
      <c r="U38" s="51"/>
      <c r="V38" s="51"/>
    </row>
    <row r="39" spans="1:22">
      <c r="A39" s="56" t="s">
        <v>78</v>
      </c>
      <c r="B39" s="48">
        <v>67791.230421998043</v>
      </c>
      <c r="C39" s="45">
        <v>0</v>
      </c>
      <c r="D39" s="45">
        <v>0</v>
      </c>
      <c r="E39" s="45">
        <v>0</v>
      </c>
      <c r="F39" s="45">
        <v>0</v>
      </c>
      <c r="G39" s="45">
        <v>0</v>
      </c>
      <c r="H39" s="45">
        <v>0</v>
      </c>
      <c r="I39" s="45">
        <v>0</v>
      </c>
      <c r="J39" s="45">
        <v>0</v>
      </c>
      <c r="K39" s="45">
        <v>0</v>
      </c>
      <c r="L39" s="53">
        <v>0</v>
      </c>
      <c r="M39" s="53">
        <v>0</v>
      </c>
      <c r="N39" s="53">
        <v>0</v>
      </c>
      <c r="O39" s="53">
        <v>0</v>
      </c>
      <c r="P39" s="53">
        <v>0</v>
      </c>
      <c r="Q39" s="53">
        <v>0</v>
      </c>
      <c r="R39" s="53">
        <v>0</v>
      </c>
      <c r="S39" s="53">
        <v>0</v>
      </c>
      <c r="T39" s="53">
        <v>0</v>
      </c>
      <c r="U39" s="53">
        <v>0</v>
      </c>
      <c r="V39" s="53">
        <v>-67791.230421998043</v>
      </c>
    </row>
    <row r="40" spans="1:22">
      <c r="A40" s="45"/>
      <c r="B40" s="45"/>
      <c r="C40" s="45"/>
      <c r="D40" s="45"/>
      <c r="E40" s="45"/>
      <c r="F40" s="45"/>
      <c r="G40" s="45"/>
      <c r="H40" s="45"/>
      <c r="I40" s="45"/>
      <c r="J40" s="45"/>
      <c r="K40" s="45"/>
      <c r="L40" s="45"/>
      <c r="M40" s="45"/>
      <c r="N40" s="45"/>
      <c r="O40" s="45"/>
      <c r="P40" s="45"/>
      <c r="Q40" s="45"/>
      <c r="R40" s="45"/>
      <c r="S40" s="45"/>
      <c r="T40" s="45"/>
      <c r="U40" s="45"/>
      <c r="V40" s="45"/>
    </row>
    <row r="41" spans="1:22">
      <c r="A41" s="51" t="s">
        <v>79</v>
      </c>
      <c r="B41" s="52">
        <v>0</v>
      </c>
      <c r="C41" s="52">
        <v>20034.011250000003</v>
      </c>
      <c r="D41" s="52">
        <v>20034.011250000003</v>
      </c>
      <c r="E41" s="52">
        <v>20034.011250000003</v>
      </c>
      <c r="F41" s="52">
        <v>20034.011250000003</v>
      </c>
      <c r="G41" s="52">
        <v>20034.011250000003</v>
      </c>
      <c r="H41" s="52">
        <v>20034.011250000003</v>
      </c>
      <c r="I41" s="52">
        <v>20034.011250000003</v>
      </c>
      <c r="J41" s="52">
        <v>20034.011250000003</v>
      </c>
      <c r="K41" s="52">
        <v>20034.011250000003</v>
      </c>
      <c r="L41" s="52">
        <v>20034.011250000003</v>
      </c>
      <c r="M41" s="52">
        <v>20034.011250000003</v>
      </c>
      <c r="N41" s="52">
        <v>20034.011250000003</v>
      </c>
      <c r="O41" s="52">
        <v>20034.011250000003</v>
      </c>
      <c r="P41" s="52">
        <v>20034.011250000003</v>
      </c>
      <c r="Q41" s="52">
        <v>20034.011250000003</v>
      </c>
      <c r="R41" s="52">
        <v>20034.011250000003</v>
      </c>
      <c r="S41" s="52">
        <v>20034.011250000003</v>
      </c>
      <c r="T41" s="52">
        <v>20034.011250000003</v>
      </c>
      <c r="U41" s="52">
        <v>20034.011250000003</v>
      </c>
      <c r="V41" s="52">
        <v>1364816.7503108333</v>
      </c>
    </row>
    <row r="42" spans="1:22">
      <c r="A42" s="45" t="s">
        <v>80</v>
      </c>
      <c r="B42" s="45"/>
      <c r="C42" s="53">
        <v>20034.011250000003</v>
      </c>
      <c r="D42" s="53">
        <v>20034.011250000003</v>
      </c>
      <c r="E42" s="53">
        <v>20034.011250000003</v>
      </c>
      <c r="F42" s="53">
        <v>20034.011250000003</v>
      </c>
      <c r="G42" s="53">
        <v>20034.011250000003</v>
      </c>
      <c r="H42" s="53">
        <v>20034.011250000003</v>
      </c>
      <c r="I42" s="53">
        <v>20034.011250000003</v>
      </c>
      <c r="J42" s="53">
        <v>20034.011250000003</v>
      </c>
      <c r="K42" s="53">
        <v>20034.011250000003</v>
      </c>
      <c r="L42" s="53">
        <v>20034.011250000003</v>
      </c>
      <c r="M42" s="53">
        <v>20034.011250000003</v>
      </c>
      <c r="N42" s="53">
        <v>20034.011250000003</v>
      </c>
      <c r="O42" s="53">
        <v>20034.011250000003</v>
      </c>
      <c r="P42" s="53">
        <v>20034.011250000003</v>
      </c>
      <c r="Q42" s="53">
        <v>20034.011250000003</v>
      </c>
      <c r="R42" s="53">
        <v>20034.011250000003</v>
      </c>
      <c r="S42" s="53">
        <v>20034.011250000003</v>
      </c>
      <c r="T42" s="53">
        <v>20034.011250000003</v>
      </c>
      <c r="U42" s="53">
        <v>20034.011250000003</v>
      </c>
      <c r="V42" s="53">
        <v>1362272.6969775001</v>
      </c>
    </row>
    <row r="43" spans="1:22">
      <c r="A43" s="51" t="s">
        <v>81</v>
      </c>
      <c r="B43" s="51"/>
      <c r="C43" s="51">
        <v>0</v>
      </c>
      <c r="D43" s="51">
        <v>0</v>
      </c>
      <c r="E43" s="51">
        <v>0</v>
      </c>
      <c r="F43" s="51">
        <v>0</v>
      </c>
      <c r="G43" s="51">
        <v>0</v>
      </c>
      <c r="H43" s="51">
        <v>0</v>
      </c>
      <c r="I43" s="51">
        <v>0</v>
      </c>
      <c r="J43" s="51">
        <v>0</v>
      </c>
      <c r="K43" s="51">
        <v>0</v>
      </c>
      <c r="L43" s="52">
        <v>0</v>
      </c>
      <c r="M43" s="51">
        <v>0</v>
      </c>
      <c r="N43" s="52">
        <v>0</v>
      </c>
      <c r="O43" s="51">
        <v>0</v>
      </c>
      <c r="P43" s="51">
        <v>0</v>
      </c>
      <c r="Q43" s="51">
        <v>0</v>
      </c>
      <c r="R43" s="51">
        <v>0</v>
      </c>
      <c r="S43" s="51">
        <v>0</v>
      </c>
      <c r="T43" s="51">
        <v>0</v>
      </c>
      <c r="U43" s="51">
        <v>0</v>
      </c>
      <c r="V43" s="51">
        <v>2544.0533333333337</v>
      </c>
    </row>
    <row r="44" spans="1:22">
      <c r="A44" s="45"/>
      <c r="B44" s="45"/>
      <c r="C44" s="45"/>
      <c r="D44" s="45"/>
      <c r="E44" s="45"/>
      <c r="F44" s="45"/>
      <c r="G44" s="45"/>
      <c r="H44" s="45"/>
      <c r="I44" s="45"/>
      <c r="J44" s="45"/>
      <c r="K44" s="45"/>
      <c r="L44" s="45"/>
      <c r="M44" s="45"/>
      <c r="N44" s="45"/>
      <c r="O44" s="45"/>
      <c r="P44" s="45"/>
      <c r="Q44" s="45"/>
      <c r="R44" s="45"/>
      <c r="S44" s="45"/>
      <c r="T44" s="45"/>
      <c r="U44" s="45"/>
      <c r="V44" s="45"/>
    </row>
    <row r="45" spans="1:22">
      <c r="A45" s="59" t="s">
        <v>82</v>
      </c>
      <c r="B45" s="60">
        <v>-2132484.7415719987</v>
      </c>
      <c r="C45" s="60">
        <v>123548.2122213743</v>
      </c>
      <c r="D45" s="60">
        <v>121527.54601137424</v>
      </c>
      <c r="E45" s="60">
        <v>213378.17813617425</v>
      </c>
      <c r="F45" s="60">
        <v>297782.72713617428</v>
      </c>
      <c r="G45" s="60">
        <v>341039.94513617433</v>
      </c>
      <c r="H45" s="60">
        <v>262007.29178232435</v>
      </c>
      <c r="I45" s="60">
        <v>253652.05239232435</v>
      </c>
      <c r="J45" s="60">
        <v>249050.01716752435</v>
      </c>
      <c r="K45" s="60">
        <v>248288.22676752441</v>
      </c>
      <c r="L45" s="60">
        <v>197028.22676752441</v>
      </c>
      <c r="M45" s="60">
        <v>181943.20825272429</v>
      </c>
      <c r="N45" s="60">
        <v>147868.12404272429</v>
      </c>
      <c r="O45" s="60">
        <v>207664.33816752423</v>
      </c>
      <c r="P45" s="60">
        <v>260014.46916752434</v>
      </c>
      <c r="Q45" s="60">
        <v>267477.2691675243</v>
      </c>
      <c r="R45" s="60">
        <v>262007.29178232435</v>
      </c>
      <c r="S45" s="60">
        <v>253652.05239232435</v>
      </c>
      <c r="T45" s="60">
        <v>249050.01716752435</v>
      </c>
      <c r="U45" s="60">
        <v>248288.22676752441</v>
      </c>
      <c r="V45" s="60">
        <v>1660862.1962503558</v>
      </c>
    </row>
    <row r="46" spans="1:22">
      <c r="A46" s="45"/>
      <c r="B46" s="53"/>
      <c r="C46" s="53"/>
      <c r="D46" s="53"/>
      <c r="E46" s="53"/>
      <c r="F46" s="53"/>
      <c r="G46" s="53"/>
      <c r="H46" s="53"/>
      <c r="I46" s="53"/>
      <c r="J46" s="53"/>
      <c r="K46" s="53"/>
      <c r="L46" s="53"/>
      <c r="M46" s="53"/>
      <c r="N46" s="53"/>
      <c r="O46" s="53"/>
      <c r="P46" s="53"/>
      <c r="Q46" s="53"/>
      <c r="R46" s="53"/>
      <c r="S46" s="53"/>
      <c r="T46" s="53"/>
      <c r="U46" s="53"/>
      <c r="V46" s="45"/>
    </row>
    <row r="47" spans="1:22">
      <c r="A47" s="39"/>
      <c r="B47" s="45"/>
      <c r="C47" s="45"/>
      <c r="D47" s="45"/>
      <c r="E47" s="45"/>
      <c r="F47" s="45"/>
      <c r="G47" s="45"/>
      <c r="H47" s="45"/>
      <c r="I47" s="45"/>
      <c r="J47" s="45"/>
      <c r="K47" s="45"/>
      <c r="L47" s="45"/>
      <c r="M47" s="45"/>
      <c r="N47" s="45"/>
      <c r="O47" s="45"/>
      <c r="P47" s="45"/>
      <c r="Q47" s="45"/>
      <c r="R47" s="45"/>
      <c r="S47" s="45"/>
      <c r="T47" s="45"/>
      <c r="U47" s="45"/>
      <c r="V47" s="45"/>
    </row>
    <row r="48" spans="1:22">
      <c r="A48" s="45"/>
      <c r="B48" s="48"/>
      <c r="C48" s="48"/>
      <c r="D48" s="48"/>
      <c r="E48" s="48"/>
      <c r="F48" s="48"/>
      <c r="G48" s="48"/>
      <c r="H48" s="48"/>
      <c r="I48" s="48"/>
      <c r="J48" s="48"/>
      <c r="K48" s="48"/>
      <c r="L48" s="48"/>
      <c r="M48" s="48"/>
      <c r="N48" s="48"/>
      <c r="O48" s="48"/>
      <c r="P48" s="48"/>
      <c r="Q48" s="48"/>
      <c r="R48" s="48"/>
      <c r="S48" s="48"/>
      <c r="T48" s="48"/>
      <c r="U48" s="48"/>
      <c r="V48" s="48"/>
    </row>
    <row r="49" spans="1:22" ht="12" thickBot="1"/>
    <row r="50" spans="1:22" ht="16.5" thickBot="1">
      <c r="A50" s="184" t="s">
        <v>57</v>
      </c>
      <c r="B50" s="185">
        <v>9.8500000000000004E-2</v>
      </c>
      <c r="C50" s="45"/>
      <c r="D50" s="45"/>
      <c r="E50" s="45"/>
      <c r="F50" s="45"/>
      <c r="G50" s="45"/>
      <c r="H50" s="45"/>
      <c r="I50" s="45"/>
      <c r="J50" s="45"/>
      <c r="K50" s="45"/>
      <c r="L50" s="45"/>
      <c r="M50" s="45"/>
      <c r="N50" s="45"/>
      <c r="O50" s="45"/>
      <c r="P50" s="45"/>
      <c r="Q50" s="45"/>
      <c r="R50" s="45"/>
      <c r="S50" s="45"/>
      <c r="T50" s="45"/>
      <c r="U50" s="45"/>
      <c r="V50" s="45"/>
    </row>
    <row r="51" spans="1:22">
      <c r="A51" s="45"/>
      <c r="B51" s="62"/>
      <c r="C51" s="45"/>
      <c r="D51" s="45"/>
      <c r="E51" s="45"/>
      <c r="F51" s="45"/>
      <c r="G51" s="45"/>
      <c r="H51" s="45"/>
      <c r="I51" s="45"/>
      <c r="J51" s="45"/>
      <c r="K51" s="45"/>
      <c r="L51" s="45"/>
      <c r="M51" s="63"/>
      <c r="N51" s="45"/>
      <c r="O51" s="45"/>
      <c r="P51" s="45"/>
      <c r="Q51" s="45"/>
      <c r="R51" s="45"/>
      <c r="S51" s="45"/>
      <c r="T51" s="45"/>
      <c r="U51" s="45"/>
      <c r="V51" s="45"/>
    </row>
    <row r="52" spans="1:22">
      <c r="A52" s="45"/>
      <c r="B52" s="62"/>
      <c r="C52" s="45"/>
      <c r="D52" s="45"/>
      <c r="E52" s="45"/>
      <c r="F52" s="45"/>
      <c r="G52" s="45"/>
      <c r="H52" s="45"/>
      <c r="I52" s="45"/>
      <c r="J52" s="45"/>
      <c r="K52" s="45"/>
      <c r="L52" s="45"/>
      <c r="M52" s="63"/>
      <c r="N52" s="45"/>
      <c r="O52" s="45"/>
      <c r="P52" s="45"/>
      <c r="Q52" s="45"/>
      <c r="R52" s="45"/>
      <c r="S52" s="45"/>
      <c r="T52" s="45"/>
      <c r="U52" s="45"/>
      <c r="V52" s="45"/>
    </row>
    <row r="53" spans="1:22">
      <c r="A53" s="45"/>
      <c r="B53" s="45"/>
      <c r="C53" s="45"/>
      <c r="D53" s="45"/>
      <c r="E53" s="45"/>
      <c r="F53" s="45"/>
      <c r="G53" s="45"/>
      <c r="H53" s="45"/>
      <c r="I53" s="45"/>
      <c r="J53" s="45"/>
      <c r="K53" s="45"/>
      <c r="L53" s="45"/>
      <c r="M53" s="45"/>
      <c r="N53" s="45"/>
      <c r="O53" s="45"/>
      <c r="P53" s="45"/>
      <c r="Q53" s="45"/>
      <c r="R53" s="45"/>
      <c r="S53" s="45"/>
      <c r="T53" s="45"/>
      <c r="U53" s="45"/>
      <c r="V53" s="45"/>
    </row>
    <row r="54" spans="1:22" ht="18">
      <c r="A54" s="183" t="s">
        <v>155</v>
      </c>
      <c r="B54" s="45"/>
      <c r="C54" s="45"/>
      <c r="D54" s="45"/>
      <c r="E54" s="45"/>
      <c r="F54" s="45"/>
      <c r="G54" s="45"/>
      <c r="H54" s="45"/>
      <c r="I54" s="45"/>
      <c r="J54" s="45"/>
      <c r="K54" s="45"/>
      <c r="L54" s="45"/>
      <c r="M54" s="45"/>
      <c r="N54" s="45"/>
      <c r="O54" s="45"/>
      <c r="P54" s="45"/>
      <c r="Q54" s="45"/>
      <c r="R54" s="45"/>
      <c r="S54" s="45"/>
      <c r="T54" s="45"/>
      <c r="U54" s="45"/>
      <c r="V54" s="45"/>
    </row>
    <row r="55" spans="1:22">
      <c r="A55" s="64" t="s">
        <v>83</v>
      </c>
      <c r="B55" s="65"/>
      <c r="C55" s="66">
        <v>326837.98278583342</v>
      </c>
      <c r="D55" s="67">
        <v>445689.9162858334</v>
      </c>
      <c r="E55" s="67">
        <v>553503.01400583342</v>
      </c>
      <c r="F55" s="67">
        <v>650021.27400583331</v>
      </c>
      <c r="G55" s="67">
        <v>744298.97400583327</v>
      </c>
      <c r="H55" s="67">
        <v>511849.99355333333</v>
      </c>
      <c r="I55" s="67">
        <v>487275.76005333336</v>
      </c>
      <c r="J55" s="67">
        <v>473740.36233333335</v>
      </c>
      <c r="K55" s="67">
        <v>471499.80233333335</v>
      </c>
      <c r="L55" s="67">
        <v>482499.80233333335</v>
      </c>
      <c r="M55" s="67">
        <v>498587.97111333336</v>
      </c>
      <c r="N55" s="67">
        <v>523162.20461333334</v>
      </c>
      <c r="O55" s="67">
        <v>536697.60233333334</v>
      </c>
      <c r="P55" s="67">
        <v>538938.1623333334</v>
      </c>
      <c r="Q55" s="67">
        <v>527938.1623333334</v>
      </c>
      <c r="R55" s="67">
        <v>511849.99355333333</v>
      </c>
      <c r="S55" s="67">
        <v>487275.76005333336</v>
      </c>
      <c r="T55" s="67">
        <v>473740.36233333335</v>
      </c>
      <c r="U55" s="67">
        <v>471499.80233333335</v>
      </c>
      <c r="V55" s="68">
        <v>471499.80233333335</v>
      </c>
    </row>
    <row r="56" spans="1:22">
      <c r="A56" s="69" t="s">
        <v>84</v>
      </c>
      <c r="B56" s="70"/>
      <c r="C56" s="72">
        <v>304038.51167250006</v>
      </c>
      <c r="D56" s="72">
        <v>398316.21167250007</v>
      </c>
      <c r="E56" s="72">
        <v>492593.91167250008</v>
      </c>
      <c r="F56" s="72">
        <v>586871.61167250003</v>
      </c>
      <c r="G56" s="72">
        <v>681149.31167249999</v>
      </c>
      <c r="H56" s="72">
        <v>471388.5</v>
      </c>
      <c r="I56" s="72">
        <v>471388.5</v>
      </c>
      <c r="J56" s="72">
        <v>471388.5</v>
      </c>
      <c r="K56" s="72">
        <v>471388.5</v>
      </c>
      <c r="L56" s="72">
        <v>471388.5</v>
      </c>
      <c r="M56" s="72">
        <v>471388.5</v>
      </c>
      <c r="N56" s="72">
        <v>471388.5</v>
      </c>
      <c r="O56" s="72">
        <v>471388.5</v>
      </c>
      <c r="P56" s="72">
        <v>471388.5</v>
      </c>
      <c r="Q56" s="72">
        <v>471388.5</v>
      </c>
      <c r="R56" s="72">
        <v>471388.5</v>
      </c>
      <c r="S56" s="72">
        <v>471388.5</v>
      </c>
      <c r="T56" s="72">
        <v>471388.5</v>
      </c>
      <c r="U56" s="72">
        <v>471388.5</v>
      </c>
      <c r="V56" s="73">
        <v>471388.5</v>
      </c>
    </row>
    <row r="57" spans="1:22">
      <c r="A57" s="74" t="s">
        <v>85</v>
      </c>
      <c r="B57" s="45"/>
      <c r="C57" s="48">
        <v>111.30233333333334</v>
      </c>
      <c r="D57" s="48">
        <v>111.30233333333334</v>
      </c>
      <c r="E57" s="48">
        <v>111.30233333333334</v>
      </c>
      <c r="F57" s="48">
        <v>111.30233333333334</v>
      </c>
      <c r="G57" s="48">
        <v>111.30233333333334</v>
      </c>
      <c r="H57" s="48">
        <v>111.30233333333334</v>
      </c>
      <c r="I57" s="48">
        <v>111.30233333333334</v>
      </c>
      <c r="J57" s="48">
        <v>111.30233333333334</v>
      </c>
      <c r="K57" s="48">
        <v>111.30233333333334</v>
      </c>
      <c r="L57" s="48">
        <v>111.30233333333334</v>
      </c>
      <c r="M57" s="48">
        <v>111.30233333333334</v>
      </c>
      <c r="N57" s="48">
        <v>111.30233333333334</v>
      </c>
      <c r="O57" s="48">
        <v>111.30233333333334</v>
      </c>
      <c r="P57" s="48">
        <v>111.30233333333334</v>
      </c>
      <c r="Q57" s="48">
        <v>111.30233333333334</v>
      </c>
      <c r="R57" s="48">
        <v>111.30233333333334</v>
      </c>
      <c r="S57" s="48">
        <v>111.30233333333334</v>
      </c>
      <c r="T57" s="48">
        <v>111.30233333333334</v>
      </c>
      <c r="U57" s="48">
        <v>111.30233333333334</v>
      </c>
      <c r="V57" s="48">
        <v>111.30233333333334</v>
      </c>
    </row>
    <row r="58" spans="1:22">
      <c r="A58" s="77" t="s">
        <v>86</v>
      </c>
      <c r="B58" s="78"/>
      <c r="C58" s="80">
        <v>22688.16878</v>
      </c>
      <c r="D58" s="80">
        <v>47262.402279999995</v>
      </c>
      <c r="E58" s="80">
        <v>60797.799999999996</v>
      </c>
      <c r="F58" s="80">
        <v>63038.359999999993</v>
      </c>
      <c r="G58" s="80">
        <v>63038.359999999993</v>
      </c>
      <c r="H58" s="80">
        <v>40350.191220000001</v>
      </c>
      <c r="I58" s="80">
        <v>15775.957720000002</v>
      </c>
      <c r="J58" s="80">
        <v>2240.56</v>
      </c>
      <c r="K58" s="80">
        <v>0</v>
      </c>
      <c r="L58" s="80">
        <v>11000</v>
      </c>
      <c r="M58" s="80">
        <v>27088.16878</v>
      </c>
      <c r="N58" s="80">
        <v>51662.402279999995</v>
      </c>
      <c r="O58" s="80">
        <v>65197.8</v>
      </c>
      <c r="P58" s="80">
        <v>67438.36</v>
      </c>
      <c r="Q58" s="80">
        <v>56438.36</v>
      </c>
      <c r="R58" s="80">
        <v>40350.191220000001</v>
      </c>
      <c r="S58" s="80">
        <v>15775.957720000002</v>
      </c>
      <c r="T58" s="80">
        <v>2240.56</v>
      </c>
      <c r="U58" s="80">
        <v>0</v>
      </c>
      <c r="V58" s="81">
        <v>0</v>
      </c>
    </row>
    <row r="88" spans="11:11" ht="12.75">
      <c r="K88" s="172" t="s">
        <v>172</v>
      </c>
    </row>
  </sheetData>
  <pageMargins left="0.19685039370078741" right="0.19685039370078741" top="0.19685039370078741" bottom="0.19685039370078741" header="0.31496062992125984" footer="0.31496062992125984"/>
  <pageSetup paperSize="9" scale="55" fitToWidth="2" orientation="landscape" r:id="rId1"/>
  <drawing r:id="rId2"/>
</worksheet>
</file>

<file path=xl/worksheets/sheet8.xml><?xml version="1.0" encoding="utf-8"?>
<worksheet xmlns="http://schemas.openxmlformats.org/spreadsheetml/2006/main" xmlns:r="http://schemas.openxmlformats.org/officeDocument/2006/relationships">
  <sheetPr codeName="Plan15"/>
  <dimension ref="A1:V88"/>
  <sheetViews>
    <sheetView view="pageBreakPreview" topLeftCell="A55" zoomScale="80" zoomScaleNormal="100" zoomScaleSheetLayoutView="80" workbookViewId="0">
      <selection activeCell="B108" sqref="B108"/>
    </sheetView>
  </sheetViews>
  <sheetFormatPr defaultRowHeight="11.25"/>
  <cols>
    <col min="1" max="1" width="34.85546875" style="2" customWidth="1"/>
    <col min="2" max="2" width="11.85546875" style="2" bestFit="1" customWidth="1"/>
    <col min="3" max="3" width="11.5703125" style="2" bestFit="1" customWidth="1"/>
    <col min="4" max="22" width="10.5703125" style="2" customWidth="1"/>
    <col min="23" max="23" width="9.140625" style="2"/>
    <col min="24" max="25" width="0" style="2" hidden="1" customWidth="1"/>
    <col min="26" max="16384" width="9.140625" style="2"/>
  </cols>
  <sheetData>
    <row r="1" spans="1:22" ht="18">
      <c r="A1" s="165" t="s">
        <v>90</v>
      </c>
    </row>
    <row r="4" spans="1:22" ht="18">
      <c r="A4" s="165" t="s">
        <v>152</v>
      </c>
    </row>
    <row r="5" spans="1:22" ht="15.75">
      <c r="A5" s="173" t="s">
        <v>156</v>
      </c>
    </row>
    <row r="6" spans="1:22" ht="15.75">
      <c r="A6" s="173" t="s">
        <v>153</v>
      </c>
    </row>
    <row r="7" spans="1:22" ht="12.75">
      <c r="A7" s="174" t="s">
        <v>56</v>
      </c>
      <c r="B7" s="175"/>
      <c r="C7" s="176">
        <v>10</v>
      </c>
    </row>
    <row r="8" spans="1:22" ht="12.75">
      <c r="A8" s="177" t="s">
        <v>58</v>
      </c>
      <c r="B8" s="178"/>
      <c r="C8" s="187">
        <v>53010.166666666468</v>
      </c>
    </row>
    <row r="9" spans="1:22" ht="12.75">
      <c r="A9" s="180"/>
      <c r="B9" s="180"/>
      <c r="C9" s="121"/>
    </row>
    <row r="10" spans="1:22" ht="12.75">
      <c r="A10" s="174" t="s">
        <v>59</v>
      </c>
      <c r="B10" s="175"/>
      <c r="C10" s="181">
        <v>43749.17522738214</v>
      </c>
    </row>
    <row r="11" spans="1:22" ht="12.75">
      <c r="A11" s="174" t="s">
        <v>60</v>
      </c>
      <c r="B11" s="175"/>
      <c r="C11" s="181">
        <v>15499.031283999999</v>
      </c>
    </row>
    <row r="12" spans="1:22" ht="12.75">
      <c r="A12" s="174" t="s">
        <v>61</v>
      </c>
      <c r="B12" s="175"/>
      <c r="C12" s="182">
        <v>28250.14394338214</v>
      </c>
    </row>
    <row r="13" spans="1:22" ht="12.75">
      <c r="A13" s="174" t="s">
        <v>62</v>
      </c>
      <c r="B13" s="175"/>
      <c r="C13" s="181">
        <v>0</v>
      </c>
    </row>
    <row r="14" spans="1:22">
      <c r="A14" s="45"/>
      <c r="B14" s="45"/>
      <c r="C14" s="48"/>
    </row>
    <row r="15" spans="1:22" ht="18">
      <c r="A15" s="183" t="s">
        <v>154</v>
      </c>
      <c r="C15" s="48"/>
      <c r="D15" s="83"/>
      <c r="V15" s="49" t="s">
        <v>63</v>
      </c>
    </row>
    <row r="16" spans="1:22">
      <c r="A16" s="50"/>
      <c r="B16" s="50" t="s">
        <v>2</v>
      </c>
      <c r="C16" s="50" t="s">
        <v>3</v>
      </c>
      <c r="D16" s="50" t="s">
        <v>4</v>
      </c>
      <c r="E16" s="50" t="s">
        <v>5</v>
      </c>
      <c r="F16" s="50" t="s">
        <v>6</v>
      </c>
      <c r="G16" s="50" t="s">
        <v>7</v>
      </c>
      <c r="H16" s="50" t="s">
        <v>8</v>
      </c>
      <c r="I16" s="50" t="s">
        <v>9</v>
      </c>
      <c r="J16" s="50" t="s">
        <v>10</v>
      </c>
      <c r="K16" s="50" t="s">
        <v>11</v>
      </c>
      <c r="L16" s="50" t="s">
        <v>12</v>
      </c>
      <c r="M16" s="50" t="s">
        <v>13</v>
      </c>
      <c r="N16" s="50" t="s">
        <v>14</v>
      </c>
      <c r="O16" s="50" t="s">
        <v>15</v>
      </c>
      <c r="P16" s="50" t="s">
        <v>16</v>
      </c>
      <c r="Q16" s="50" t="s">
        <v>17</v>
      </c>
      <c r="R16" s="50" t="s">
        <v>18</v>
      </c>
      <c r="S16" s="50" t="s">
        <v>19</v>
      </c>
      <c r="T16" s="50" t="s">
        <v>20</v>
      </c>
      <c r="U16" s="50" t="s">
        <v>21</v>
      </c>
      <c r="V16" s="50" t="s">
        <v>22</v>
      </c>
    </row>
    <row r="17" spans="1:22">
      <c r="A17" s="45" t="s">
        <v>64</v>
      </c>
      <c r="B17" s="45"/>
      <c r="C17" s="48">
        <v>6361219.9999999758</v>
      </c>
      <c r="D17" s="48">
        <v>6361219.9999999758</v>
      </c>
      <c r="E17" s="48">
        <v>6361219.9999999758</v>
      </c>
      <c r="F17" s="48">
        <v>6361219.9999999758</v>
      </c>
      <c r="G17" s="48">
        <v>6361219.9999999758</v>
      </c>
      <c r="H17" s="48">
        <v>6361219.9999999758</v>
      </c>
      <c r="I17" s="48">
        <v>6361219.9999999758</v>
      </c>
      <c r="J17" s="48">
        <v>6361219.9999999758</v>
      </c>
      <c r="K17" s="48">
        <v>6361219.9999999758</v>
      </c>
      <c r="L17" s="48">
        <v>6361219.9999999758</v>
      </c>
      <c r="M17" s="48">
        <v>6361219.9999999758</v>
      </c>
      <c r="N17" s="48">
        <v>6361219.9999999758</v>
      </c>
      <c r="O17" s="48">
        <v>6361219.9999999758</v>
      </c>
      <c r="P17" s="48">
        <v>6361219.9999999758</v>
      </c>
      <c r="Q17" s="48">
        <v>6361219.9999999758</v>
      </c>
      <c r="R17" s="48">
        <v>6361219.9999999758</v>
      </c>
      <c r="S17" s="48">
        <v>6361219.9999999758</v>
      </c>
      <c r="T17" s="48">
        <v>6361219.9999999758</v>
      </c>
      <c r="U17" s="48">
        <v>6361219.9999999758</v>
      </c>
      <c r="V17" s="48">
        <v>6361219.9999999758</v>
      </c>
    </row>
    <row r="18" spans="1:22">
      <c r="A18" s="51" t="s">
        <v>65</v>
      </c>
      <c r="B18" s="51"/>
      <c r="C18" s="52">
        <v>127224.39999999951</v>
      </c>
      <c r="D18" s="52">
        <v>127224.39999999951</v>
      </c>
      <c r="E18" s="52">
        <v>127224.39999999951</v>
      </c>
      <c r="F18" s="52">
        <v>127224.39999999951</v>
      </c>
      <c r="G18" s="52">
        <v>127224.39999999951</v>
      </c>
      <c r="H18" s="52">
        <v>127224.39999999951</v>
      </c>
      <c r="I18" s="52">
        <v>127224.39999999951</v>
      </c>
      <c r="J18" s="52">
        <v>127224.39999999951</v>
      </c>
      <c r="K18" s="52">
        <v>127224.39999999951</v>
      </c>
      <c r="L18" s="52">
        <v>127224.39999999951</v>
      </c>
      <c r="M18" s="52">
        <v>127224.39999999951</v>
      </c>
      <c r="N18" s="52">
        <v>127224.39999999951</v>
      </c>
      <c r="O18" s="52">
        <v>127224.39999999951</v>
      </c>
      <c r="P18" s="52">
        <v>127224.39999999951</v>
      </c>
      <c r="Q18" s="52">
        <v>127224.39999999951</v>
      </c>
      <c r="R18" s="52">
        <v>127224.39999999951</v>
      </c>
      <c r="S18" s="52">
        <v>127224.39999999951</v>
      </c>
      <c r="T18" s="52">
        <v>127224.39999999951</v>
      </c>
      <c r="U18" s="52">
        <v>127224.39999999951</v>
      </c>
      <c r="V18" s="52">
        <v>127224.39999999951</v>
      </c>
    </row>
    <row r="19" spans="1:22">
      <c r="A19" s="45" t="s">
        <v>66</v>
      </c>
      <c r="B19" s="45"/>
      <c r="C19" s="53">
        <v>6233995.5999999763</v>
      </c>
      <c r="D19" s="53">
        <v>6233995.5999999763</v>
      </c>
      <c r="E19" s="53">
        <v>6233995.5999999763</v>
      </c>
      <c r="F19" s="53">
        <v>6233995.5999999763</v>
      </c>
      <c r="G19" s="53">
        <v>6233995.5999999763</v>
      </c>
      <c r="H19" s="53">
        <v>6233995.5999999763</v>
      </c>
      <c r="I19" s="53">
        <v>6233995.5999999763</v>
      </c>
      <c r="J19" s="53">
        <v>6233995.5999999763</v>
      </c>
      <c r="K19" s="53">
        <v>6233995.5999999763</v>
      </c>
      <c r="L19" s="53">
        <v>6233995.5999999763</v>
      </c>
      <c r="M19" s="53">
        <v>6233995.5999999763</v>
      </c>
      <c r="N19" s="53">
        <v>6233995.5999999763</v>
      </c>
      <c r="O19" s="53">
        <v>6233995.5999999763</v>
      </c>
      <c r="P19" s="53">
        <v>6233995.5999999763</v>
      </c>
      <c r="Q19" s="53">
        <v>6233995.5999999763</v>
      </c>
      <c r="R19" s="53">
        <v>6233995.5999999763</v>
      </c>
      <c r="S19" s="53">
        <v>6233995.5999999763</v>
      </c>
      <c r="T19" s="53">
        <v>6233995.5999999763</v>
      </c>
      <c r="U19" s="53">
        <v>6233995.5999999763</v>
      </c>
      <c r="V19" s="53">
        <v>6233995.5999999763</v>
      </c>
    </row>
    <row r="20" spans="1:22">
      <c r="A20" s="45"/>
      <c r="B20" s="45"/>
      <c r="C20" s="45"/>
      <c r="D20" s="45"/>
      <c r="E20" s="45"/>
      <c r="F20" s="45"/>
      <c r="G20" s="45"/>
      <c r="H20" s="45"/>
      <c r="I20" s="45"/>
      <c r="J20" s="45"/>
      <c r="K20" s="45"/>
      <c r="L20" s="45"/>
      <c r="M20" s="45"/>
      <c r="N20" s="45"/>
      <c r="O20" s="45"/>
      <c r="P20" s="45"/>
      <c r="Q20" s="45"/>
      <c r="R20" s="45"/>
      <c r="S20" s="45"/>
      <c r="T20" s="45"/>
      <c r="U20" s="45"/>
      <c r="V20" s="45"/>
    </row>
    <row r="21" spans="1:22">
      <c r="A21" s="51" t="s">
        <v>67</v>
      </c>
      <c r="B21" s="51"/>
      <c r="C21" s="52">
        <v>5256904.2272858573</v>
      </c>
      <c r="D21" s="52">
        <v>5256904.2272858573</v>
      </c>
      <c r="E21" s="52">
        <v>5256904.2272858573</v>
      </c>
      <c r="F21" s="52">
        <v>5264307.0272858571</v>
      </c>
      <c r="G21" s="52">
        <v>5264307.0272858571</v>
      </c>
      <c r="H21" s="52">
        <v>5264307.0272858571</v>
      </c>
      <c r="I21" s="52">
        <v>5264307.0272858571</v>
      </c>
      <c r="J21" s="52">
        <v>5264307.0272858571</v>
      </c>
      <c r="K21" s="52">
        <v>5264307.0272858571</v>
      </c>
      <c r="L21" s="52">
        <v>5264307.0272858571</v>
      </c>
      <c r="M21" s="54">
        <v>5256904.2272858573</v>
      </c>
      <c r="N21" s="54">
        <v>5256904.2272858573</v>
      </c>
      <c r="O21" s="54">
        <v>5256904.2272858573</v>
      </c>
      <c r="P21" s="54">
        <v>5264307.0272858571</v>
      </c>
      <c r="Q21" s="54">
        <v>5264307.0272858571</v>
      </c>
      <c r="R21" s="54">
        <v>5264307.0272858571</v>
      </c>
      <c r="S21" s="54">
        <v>5264307.0272858571</v>
      </c>
      <c r="T21" s="54">
        <v>5264307.0272858571</v>
      </c>
      <c r="U21" s="54">
        <v>5264307.0272858571</v>
      </c>
      <c r="V21" s="54">
        <v>5264307.0272858571</v>
      </c>
    </row>
    <row r="22" spans="1:22">
      <c r="A22" s="45"/>
      <c r="B22" s="45"/>
      <c r="C22" s="45"/>
      <c r="D22" s="45"/>
      <c r="E22" s="45"/>
      <c r="F22" s="45"/>
      <c r="G22" s="45"/>
      <c r="H22" s="45"/>
      <c r="I22" s="45"/>
      <c r="J22" s="45"/>
      <c r="K22" s="45"/>
      <c r="L22" s="45"/>
      <c r="M22" s="45"/>
      <c r="N22" s="45"/>
      <c r="O22" s="45"/>
      <c r="P22" s="45"/>
      <c r="Q22" s="45"/>
      <c r="R22" s="45"/>
      <c r="S22" s="45"/>
      <c r="T22" s="45"/>
      <c r="U22" s="45"/>
      <c r="V22" s="45"/>
    </row>
    <row r="23" spans="1:22">
      <c r="A23" s="45" t="s">
        <v>68</v>
      </c>
      <c r="B23" s="45"/>
      <c r="C23" s="48">
        <v>387645.68512033345</v>
      </c>
      <c r="D23" s="48">
        <v>525353.15862033342</v>
      </c>
      <c r="E23" s="48">
        <v>652021.79634033341</v>
      </c>
      <c r="F23" s="48">
        <v>767395.59634033334</v>
      </c>
      <c r="G23" s="48">
        <v>880528.83634033334</v>
      </c>
      <c r="H23" s="48">
        <v>606127.69355333329</v>
      </c>
      <c r="I23" s="48">
        <v>581553.4600533332</v>
      </c>
      <c r="J23" s="48">
        <v>568018.06233333331</v>
      </c>
      <c r="K23" s="48">
        <v>565777.50233333325</v>
      </c>
      <c r="L23" s="48">
        <v>576777.50233333325</v>
      </c>
      <c r="M23" s="48">
        <v>592865.6711133332</v>
      </c>
      <c r="N23" s="48">
        <v>617439.90461333329</v>
      </c>
      <c r="O23" s="48">
        <v>630975.3023333333</v>
      </c>
      <c r="P23" s="48">
        <v>633215.86233333324</v>
      </c>
      <c r="Q23" s="48">
        <v>622215.86233333324</v>
      </c>
      <c r="R23" s="48">
        <v>606127.69355333329</v>
      </c>
      <c r="S23" s="48">
        <v>581553.4600533332</v>
      </c>
      <c r="T23" s="48">
        <v>568018.06233333331</v>
      </c>
      <c r="U23" s="48">
        <v>565777.50233333325</v>
      </c>
      <c r="V23" s="48">
        <v>565777.50233333325</v>
      </c>
    </row>
    <row r="24" spans="1:22">
      <c r="A24" s="45"/>
      <c r="B24" s="45"/>
      <c r="C24" s="45"/>
      <c r="D24" s="45"/>
      <c r="E24" s="45"/>
      <c r="F24" s="45"/>
      <c r="G24" s="45"/>
      <c r="H24" s="45"/>
      <c r="I24" s="45"/>
      <c r="J24" s="45"/>
      <c r="K24" s="45"/>
      <c r="L24" s="45"/>
      <c r="M24" s="45"/>
      <c r="N24" s="45"/>
      <c r="O24" s="45"/>
      <c r="P24" s="45"/>
      <c r="Q24" s="45"/>
      <c r="R24" s="45"/>
      <c r="S24" s="45"/>
      <c r="T24" s="45"/>
      <c r="U24" s="45"/>
      <c r="V24" s="45"/>
    </row>
    <row r="25" spans="1:22">
      <c r="A25" s="51" t="s">
        <v>69</v>
      </c>
      <c r="B25" s="51"/>
      <c r="C25" s="54">
        <v>589445.68759378558</v>
      </c>
      <c r="D25" s="54">
        <v>451738.21409378562</v>
      </c>
      <c r="E25" s="54">
        <v>325069.57637378562</v>
      </c>
      <c r="F25" s="54">
        <v>202292.97637378587</v>
      </c>
      <c r="G25" s="54">
        <v>89159.736373785883</v>
      </c>
      <c r="H25" s="54">
        <v>363560.87916078593</v>
      </c>
      <c r="I25" s="54">
        <v>388135.11266078602</v>
      </c>
      <c r="J25" s="54">
        <v>401670.51038078591</v>
      </c>
      <c r="K25" s="54">
        <v>403911.07038078597</v>
      </c>
      <c r="L25" s="54">
        <v>392911.07038078597</v>
      </c>
      <c r="M25" s="54">
        <v>384225.70160078583</v>
      </c>
      <c r="N25" s="54">
        <v>359651.46810078574</v>
      </c>
      <c r="O25" s="54">
        <v>346116.07038078574</v>
      </c>
      <c r="P25" s="54">
        <v>336472.71038078598</v>
      </c>
      <c r="Q25" s="54">
        <v>347472.71038078598</v>
      </c>
      <c r="R25" s="54">
        <v>363560.87916078593</v>
      </c>
      <c r="S25" s="54">
        <v>388135.11266078602</v>
      </c>
      <c r="T25" s="54">
        <v>401670.51038078591</v>
      </c>
      <c r="U25" s="54">
        <v>403911.07038078597</v>
      </c>
      <c r="V25" s="54">
        <v>403911.07038078597</v>
      </c>
    </row>
    <row r="26" spans="1:22">
      <c r="A26" s="45"/>
      <c r="B26" s="45"/>
      <c r="C26" s="45"/>
      <c r="D26" s="45"/>
      <c r="E26" s="45"/>
      <c r="F26" s="45"/>
      <c r="G26" s="45"/>
      <c r="H26" s="45"/>
      <c r="I26" s="45"/>
      <c r="J26" s="45"/>
      <c r="K26" s="45"/>
      <c r="L26" s="45"/>
      <c r="M26" s="45"/>
      <c r="N26" s="45"/>
      <c r="O26" s="45"/>
      <c r="P26" s="45"/>
      <c r="Q26" s="45"/>
      <c r="R26" s="45"/>
      <c r="S26" s="45"/>
      <c r="T26" s="45"/>
      <c r="U26" s="45"/>
      <c r="V26" s="45"/>
    </row>
    <row r="27" spans="1:22">
      <c r="A27" s="45" t="s">
        <v>70</v>
      </c>
      <c r="B27" s="45"/>
      <c r="C27" s="48">
        <v>200411.53378188712</v>
      </c>
      <c r="D27" s="48">
        <v>153590.99279188711</v>
      </c>
      <c r="E27" s="48">
        <v>110523.65596708712</v>
      </c>
      <c r="F27" s="48">
        <v>68779.611967087199</v>
      </c>
      <c r="G27" s="48">
        <v>30314.310367087204</v>
      </c>
      <c r="H27" s="48">
        <v>123610.69891466723</v>
      </c>
      <c r="I27" s="48">
        <v>131965.93830466724</v>
      </c>
      <c r="J27" s="48">
        <v>136567.97352946721</v>
      </c>
      <c r="K27" s="48">
        <v>137329.76392946724</v>
      </c>
      <c r="L27" s="48">
        <v>133589.76392946724</v>
      </c>
      <c r="M27" s="48">
        <v>130636.73854426719</v>
      </c>
      <c r="N27" s="48">
        <v>122281.49915426716</v>
      </c>
      <c r="O27" s="48">
        <v>117679.46392946717</v>
      </c>
      <c r="P27" s="48">
        <v>114400.72152946724</v>
      </c>
      <c r="Q27" s="48">
        <v>118140.72152946725</v>
      </c>
      <c r="R27" s="48">
        <v>123610.69891466723</v>
      </c>
      <c r="S27" s="48">
        <v>131965.93830466724</v>
      </c>
      <c r="T27" s="48">
        <v>136567.97352946721</v>
      </c>
      <c r="U27" s="48">
        <v>137329.76392946724</v>
      </c>
      <c r="V27" s="48">
        <v>137329.76392946724</v>
      </c>
    </row>
    <row r="28" spans="1:22">
      <c r="A28" s="45"/>
      <c r="B28" s="45"/>
      <c r="C28" s="45"/>
      <c r="D28" s="45"/>
      <c r="E28" s="45"/>
      <c r="F28" s="45"/>
      <c r="G28" s="45"/>
      <c r="H28" s="45"/>
      <c r="I28" s="45"/>
      <c r="J28" s="45"/>
      <c r="K28" s="45"/>
      <c r="L28" s="45"/>
      <c r="M28" s="45"/>
      <c r="N28" s="45"/>
      <c r="O28" s="45"/>
      <c r="P28" s="45"/>
      <c r="Q28" s="45"/>
      <c r="R28" s="45"/>
      <c r="S28" s="45"/>
      <c r="T28" s="45"/>
      <c r="U28" s="45"/>
      <c r="V28" s="45"/>
    </row>
    <row r="29" spans="1:22">
      <c r="A29" s="51" t="s">
        <v>71</v>
      </c>
      <c r="B29" s="51"/>
      <c r="C29" s="54">
        <v>389034.15381189843</v>
      </c>
      <c r="D29" s="54">
        <v>298147.22130189848</v>
      </c>
      <c r="E29" s="54">
        <v>214545.92040669848</v>
      </c>
      <c r="F29" s="54">
        <v>133513.36440669867</v>
      </c>
      <c r="G29" s="54">
        <v>58845.426006698675</v>
      </c>
      <c r="H29" s="54">
        <v>239950.18024611869</v>
      </c>
      <c r="I29" s="54">
        <v>256169.17435611878</v>
      </c>
      <c r="J29" s="54">
        <v>265102.53685131867</v>
      </c>
      <c r="K29" s="54">
        <v>266581.30645131873</v>
      </c>
      <c r="L29" s="54">
        <v>259321.30645131873</v>
      </c>
      <c r="M29" s="54">
        <v>253588.96305651864</v>
      </c>
      <c r="N29" s="54">
        <v>237369.96894651858</v>
      </c>
      <c r="O29" s="54">
        <v>228436.60645131857</v>
      </c>
      <c r="P29" s="54">
        <v>222071.98885131875</v>
      </c>
      <c r="Q29" s="54">
        <v>229331.98885131872</v>
      </c>
      <c r="R29" s="54">
        <v>239950.18024611869</v>
      </c>
      <c r="S29" s="54">
        <v>256169.17435611878</v>
      </c>
      <c r="T29" s="54">
        <v>265102.53685131867</v>
      </c>
      <c r="U29" s="54">
        <v>266581.30645131873</v>
      </c>
      <c r="V29" s="54">
        <v>266581.30645131873</v>
      </c>
    </row>
    <row r="30" spans="1:22">
      <c r="A30" s="45"/>
      <c r="B30" s="45"/>
      <c r="C30" s="45"/>
      <c r="D30" s="45"/>
      <c r="E30" s="45"/>
      <c r="F30" s="45"/>
      <c r="G30" s="45"/>
      <c r="H30" s="45"/>
      <c r="I30" s="45"/>
      <c r="J30" s="45"/>
      <c r="K30" s="45"/>
      <c r="L30" s="45"/>
      <c r="M30" s="45"/>
      <c r="N30" s="45"/>
      <c r="O30" s="45"/>
      <c r="P30" s="45"/>
      <c r="Q30" s="45"/>
      <c r="R30" s="45"/>
      <c r="S30" s="45"/>
      <c r="T30" s="45"/>
      <c r="U30" s="45"/>
      <c r="V30" s="45"/>
    </row>
    <row r="31" spans="1:22">
      <c r="A31" s="45" t="s">
        <v>72</v>
      </c>
      <c r="B31" s="45"/>
      <c r="C31" s="48">
        <v>387645.68512033345</v>
      </c>
      <c r="D31" s="48">
        <v>525353.15862033342</v>
      </c>
      <c r="E31" s="48">
        <v>652021.79634033341</v>
      </c>
      <c r="F31" s="48">
        <v>767395.59634033334</v>
      </c>
      <c r="G31" s="48">
        <v>880528.83634033334</v>
      </c>
      <c r="H31" s="48">
        <v>606127.69355333329</v>
      </c>
      <c r="I31" s="48">
        <v>581553.4600533332</v>
      </c>
      <c r="J31" s="48">
        <v>568018.06233333331</v>
      </c>
      <c r="K31" s="48">
        <v>565777.50233333325</v>
      </c>
      <c r="L31" s="48">
        <v>576777.50233333325</v>
      </c>
      <c r="M31" s="48">
        <v>592865.6711133332</v>
      </c>
      <c r="N31" s="48">
        <v>617439.90461333329</v>
      </c>
      <c r="O31" s="48">
        <v>630975.3023333333</v>
      </c>
      <c r="P31" s="48">
        <v>633215.86233333324</v>
      </c>
      <c r="Q31" s="48">
        <v>622215.86233333324</v>
      </c>
      <c r="R31" s="48">
        <v>606127.69355333329</v>
      </c>
      <c r="S31" s="48">
        <v>581553.4600533332</v>
      </c>
      <c r="T31" s="48">
        <v>568018.06233333331</v>
      </c>
      <c r="U31" s="48">
        <v>565777.50233333325</v>
      </c>
      <c r="V31" s="48">
        <v>565777.50233333325</v>
      </c>
    </row>
    <row r="32" spans="1:22">
      <c r="A32" s="45"/>
      <c r="B32" s="45"/>
      <c r="C32" s="45"/>
      <c r="D32" s="45"/>
      <c r="E32" s="45"/>
      <c r="F32" s="45"/>
      <c r="G32" s="45"/>
      <c r="H32" s="45"/>
      <c r="I32" s="45"/>
      <c r="J32" s="45"/>
      <c r="K32" s="45"/>
      <c r="L32" s="45"/>
      <c r="M32" s="45"/>
      <c r="N32" s="45"/>
      <c r="O32" s="45"/>
      <c r="P32" s="45"/>
      <c r="Q32" s="45"/>
      <c r="R32" s="45"/>
      <c r="S32" s="45"/>
      <c r="T32" s="45"/>
      <c r="U32" s="45"/>
      <c r="V32" s="45"/>
    </row>
    <row r="33" spans="1:22">
      <c r="A33" s="51" t="s">
        <v>73</v>
      </c>
      <c r="B33" s="51"/>
      <c r="C33" s="54">
        <v>776679.83893223188</v>
      </c>
      <c r="D33" s="54">
        <v>823500.37992223189</v>
      </c>
      <c r="E33" s="54">
        <v>866567.7167470319</v>
      </c>
      <c r="F33" s="54">
        <v>900908.96074703196</v>
      </c>
      <c r="G33" s="54">
        <v>939374.26234703197</v>
      </c>
      <c r="H33" s="54">
        <v>846077.87379945198</v>
      </c>
      <c r="I33" s="54">
        <v>837722.63440945197</v>
      </c>
      <c r="J33" s="54">
        <v>833120.59918465198</v>
      </c>
      <c r="K33" s="54">
        <v>832358.80878465204</v>
      </c>
      <c r="L33" s="54">
        <v>836098.80878465204</v>
      </c>
      <c r="M33" s="54">
        <v>846454.6341698519</v>
      </c>
      <c r="N33" s="54">
        <v>854809.8735598519</v>
      </c>
      <c r="O33" s="54">
        <v>859411.9087846519</v>
      </c>
      <c r="P33" s="54">
        <v>855287.85118465195</v>
      </c>
      <c r="Q33" s="54">
        <v>851547.85118465195</v>
      </c>
      <c r="R33" s="54">
        <v>846077.87379945198</v>
      </c>
      <c r="S33" s="54">
        <v>837722.63440945197</v>
      </c>
      <c r="T33" s="54">
        <v>833120.59918465198</v>
      </c>
      <c r="U33" s="54">
        <v>832358.80878465204</v>
      </c>
      <c r="V33" s="54">
        <v>832358.80878465204</v>
      </c>
    </row>
    <row r="34" spans="1:22">
      <c r="A34" s="45"/>
      <c r="B34" s="45"/>
      <c r="C34" s="45"/>
      <c r="D34" s="45"/>
      <c r="E34" s="45"/>
      <c r="F34" s="45"/>
      <c r="G34" s="45"/>
      <c r="H34" s="45"/>
      <c r="I34" s="45"/>
      <c r="J34" s="45"/>
      <c r="K34" s="45"/>
      <c r="L34" s="45"/>
      <c r="M34" s="45"/>
      <c r="N34" s="45"/>
      <c r="O34" s="45"/>
      <c r="P34" s="45"/>
      <c r="Q34" s="45"/>
      <c r="R34" s="45"/>
      <c r="S34" s="45"/>
      <c r="T34" s="45"/>
      <c r="U34" s="45"/>
      <c r="V34" s="45"/>
    </row>
    <row r="35" spans="1:22">
      <c r="A35" s="45" t="s">
        <v>74</v>
      </c>
      <c r="B35" s="53">
        <v>2542090.5800551493</v>
      </c>
      <c r="C35" s="53">
        <v>646107.04389999993</v>
      </c>
      <c r="D35" s="53">
        <v>688537.36749999993</v>
      </c>
      <c r="E35" s="53">
        <v>633343.18859999999</v>
      </c>
      <c r="F35" s="53">
        <v>576869</v>
      </c>
      <c r="G35" s="53">
        <v>565666.19999999995</v>
      </c>
      <c r="H35" s="53">
        <v>565666.19999999995</v>
      </c>
      <c r="I35" s="53">
        <v>565666.19999999995</v>
      </c>
      <c r="J35" s="53">
        <v>565666.19999999995</v>
      </c>
      <c r="K35" s="53">
        <v>565666.19999999995</v>
      </c>
      <c r="L35" s="53">
        <v>620666.19999999995</v>
      </c>
      <c r="M35" s="53">
        <v>646107.04389999993</v>
      </c>
      <c r="N35" s="53">
        <v>688537.36749999993</v>
      </c>
      <c r="O35" s="53">
        <v>633343.18859999999</v>
      </c>
      <c r="P35" s="53">
        <v>576869</v>
      </c>
      <c r="Q35" s="53">
        <v>565666.19999999995</v>
      </c>
      <c r="R35" s="53">
        <v>565666.19999999995</v>
      </c>
      <c r="S35" s="53">
        <v>565666.19999999995</v>
      </c>
      <c r="T35" s="53">
        <v>565666.19999999995</v>
      </c>
      <c r="U35" s="53">
        <v>565666.19999999995</v>
      </c>
      <c r="V35" s="53">
        <v>493653.81332485122</v>
      </c>
    </row>
    <row r="36" spans="1:22">
      <c r="A36" s="55" t="s">
        <v>75</v>
      </c>
      <c r="B36" s="54">
        <v>2432308.0933800004</v>
      </c>
      <c r="C36" s="54">
        <v>565666.19999999995</v>
      </c>
      <c r="D36" s="54">
        <v>565666.19999999995</v>
      </c>
      <c r="E36" s="54">
        <v>565666.19999999995</v>
      </c>
      <c r="F36" s="54">
        <v>565666.19999999995</v>
      </c>
      <c r="G36" s="54">
        <v>565666.19999999995</v>
      </c>
      <c r="H36" s="54">
        <v>565666.19999999995</v>
      </c>
      <c r="I36" s="54">
        <v>565666.19999999995</v>
      </c>
      <c r="J36" s="54">
        <v>565666.19999999995</v>
      </c>
      <c r="K36" s="54">
        <v>565666.19999999995</v>
      </c>
      <c r="L36" s="54">
        <v>565666.19999999995</v>
      </c>
      <c r="M36" s="54">
        <v>565666.19999999995</v>
      </c>
      <c r="N36" s="54">
        <v>565666.19999999995</v>
      </c>
      <c r="O36" s="54">
        <v>565666.19999999995</v>
      </c>
      <c r="P36" s="54">
        <v>565666.19999999995</v>
      </c>
      <c r="Q36" s="54">
        <v>565666.19999999995</v>
      </c>
      <c r="R36" s="54">
        <v>565666.19999999995</v>
      </c>
      <c r="S36" s="54">
        <v>565666.19999999995</v>
      </c>
      <c r="T36" s="54">
        <v>565666.19999999995</v>
      </c>
      <c r="U36" s="54">
        <v>565666.19999999995</v>
      </c>
      <c r="V36" s="54">
        <v>565666.19999999995</v>
      </c>
    </row>
    <row r="37" spans="1:22">
      <c r="A37" s="56" t="s">
        <v>76</v>
      </c>
      <c r="B37" s="48">
        <v>33000</v>
      </c>
      <c r="C37" s="48">
        <v>80440.843899999993</v>
      </c>
      <c r="D37" s="48">
        <v>122871.1675</v>
      </c>
      <c r="E37" s="48">
        <v>67676.988600000012</v>
      </c>
      <c r="F37" s="48">
        <v>11202.8</v>
      </c>
      <c r="G37" s="48">
        <v>0</v>
      </c>
      <c r="H37" s="48">
        <v>0</v>
      </c>
      <c r="I37" s="48">
        <v>0</v>
      </c>
      <c r="J37" s="48">
        <v>0</v>
      </c>
      <c r="K37" s="48">
        <v>0</v>
      </c>
      <c r="L37" s="48">
        <v>55000</v>
      </c>
      <c r="M37" s="48">
        <v>80440.843899999993</v>
      </c>
      <c r="N37" s="48">
        <v>122871.1675</v>
      </c>
      <c r="O37" s="48">
        <v>67676.988600000012</v>
      </c>
      <c r="P37" s="48">
        <v>11202.8</v>
      </c>
      <c r="Q37" s="48">
        <v>0</v>
      </c>
      <c r="R37" s="48">
        <v>0</v>
      </c>
      <c r="S37" s="48">
        <v>0</v>
      </c>
      <c r="T37" s="48">
        <v>0</v>
      </c>
      <c r="U37" s="48">
        <v>0</v>
      </c>
      <c r="V37" s="48">
        <v>0</v>
      </c>
    </row>
    <row r="38" spans="1:22">
      <c r="A38" s="55" t="s">
        <v>77</v>
      </c>
      <c r="B38" s="57">
        <v>4770.1000000000004</v>
      </c>
      <c r="C38" s="51">
        <v>0</v>
      </c>
      <c r="D38" s="51">
        <v>0</v>
      </c>
      <c r="E38" s="51">
        <v>0</v>
      </c>
      <c r="F38" s="51">
        <v>0</v>
      </c>
      <c r="G38" s="51">
        <v>0</v>
      </c>
      <c r="H38" s="51">
        <v>0</v>
      </c>
      <c r="I38" s="51">
        <v>0</v>
      </c>
      <c r="J38" s="51">
        <v>0</v>
      </c>
      <c r="K38" s="51">
        <v>0</v>
      </c>
      <c r="L38" s="51">
        <v>0</v>
      </c>
      <c r="M38" s="51"/>
      <c r="N38" s="51"/>
      <c r="O38" s="51"/>
      <c r="P38" s="51"/>
      <c r="Q38" s="51"/>
      <c r="R38" s="51"/>
      <c r="S38" s="51"/>
      <c r="T38" s="51"/>
      <c r="U38" s="51"/>
      <c r="V38" s="51"/>
    </row>
    <row r="39" spans="1:22">
      <c r="A39" s="56" t="s">
        <v>78</v>
      </c>
      <c r="B39" s="48">
        <v>72012.386675148722</v>
      </c>
      <c r="C39" s="45">
        <v>0</v>
      </c>
      <c r="D39" s="45">
        <v>0</v>
      </c>
      <c r="E39" s="45">
        <v>0</v>
      </c>
      <c r="F39" s="45">
        <v>0</v>
      </c>
      <c r="G39" s="45">
        <v>0</v>
      </c>
      <c r="H39" s="45">
        <v>0</v>
      </c>
      <c r="I39" s="45">
        <v>0</v>
      </c>
      <c r="J39" s="45">
        <v>0</v>
      </c>
      <c r="K39" s="45">
        <v>0</v>
      </c>
      <c r="L39" s="53">
        <v>0</v>
      </c>
      <c r="M39" s="53">
        <v>0</v>
      </c>
      <c r="N39" s="53">
        <v>0</v>
      </c>
      <c r="O39" s="53">
        <v>0</v>
      </c>
      <c r="P39" s="53">
        <v>0</v>
      </c>
      <c r="Q39" s="53">
        <v>0</v>
      </c>
      <c r="R39" s="53">
        <v>0</v>
      </c>
      <c r="S39" s="53">
        <v>0</v>
      </c>
      <c r="T39" s="53">
        <v>0</v>
      </c>
      <c r="U39" s="53">
        <v>0</v>
      </c>
      <c r="V39" s="53">
        <v>-72012.386675148722</v>
      </c>
    </row>
    <row r="40" spans="1:22">
      <c r="A40" s="45"/>
      <c r="B40" s="45"/>
      <c r="C40" s="45"/>
      <c r="D40" s="45"/>
      <c r="E40" s="45"/>
      <c r="F40" s="45"/>
      <c r="G40" s="45"/>
      <c r="H40" s="45"/>
      <c r="I40" s="45"/>
      <c r="J40" s="45"/>
      <c r="K40" s="45"/>
      <c r="L40" s="45"/>
      <c r="M40" s="45"/>
      <c r="N40" s="45"/>
      <c r="O40" s="45"/>
      <c r="P40" s="45"/>
      <c r="Q40" s="45"/>
      <c r="R40" s="45"/>
      <c r="S40" s="45"/>
      <c r="T40" s="45"/>
      <c r="U40" s="45"/>
      <c r="V40" s="45"/>
    </row>
    <row r="41" spans="1:22">
      <c r="A41" s="51" t="s">
        <v>79</v>
      </c>
      <c r="B41" s="52">
        <v>0</v>
      </c>
      <c r="C41" s="52">
        <v>24040.813499999997</v>
      </c>
      <c r="D41" s="52">
        <v>24040.813499999997</v>
      </c>
      <c r="E41" s="52">
        <v>24040.813499999997</v>
      </c>
      <c r="F41" s="52">
        <v>24040.813499999997</v>
      </c>
      <c r="G41" s="52">
        <v>24040.813499999997</v>
      </c>
      <c r="H41" s="52">
        <v>24040.813499999997</v>
      </c>
      <c r="I41" s="52">
        <v>24040.813499999997</v>
      </c>
      <c r="J41" s="52">
        <v>24040.813499999997</v>
      </c>
      <c r="K41" s="52">
        <v>24040.813499999997</v>
      </c>
      <c r="L41" s="52">
        <v>24040.813499999997</v>
      </c>
      <c r="M41" s="52">
        <v>24040.813499999997</v>
      </c>
      <c r="N41" s="52">
        <v>24040.813499999997</v>
      </c>
      <c r="O41" s="52">
        <v>24040.813499999997</v>
      </c>
      <c r="P41" s="52">
        <v>24040.813499999997</v>
      </c>
      <c r="Q41" s="52">
        <v>24040.813499999997</v>
      </c>
      <c r="R41" s="52">
        <v>24040.813499999997</v>
      </c>
      <c r="S41" s="52">
        <v>24040.813499999997</v>
      </c>
      <c r="T41" s="52">
        <v>24040.813499999997</v>
      </c>
      <c r="U41" s="52">
        <v>24040.813499999997</v>
      </c>
      <c r="V41" s="52">
        <v>1637271.2897063331</v>
      </c>
    </row>
    <row r="42" spans="1:22">
      <c r="A42" s="45" t="s">
        <v>80</v>
      </c>
      <c r="B42" s="45"/>
      <c r="C42" s="53">
        <v>24040.813499999997</v>
      </c>
      <c r="D42" s="53">
        <v>24040.813499999997</v>
      </c>
      <c r="E42" s="53">
        <v>24040.813499999997</v>
      </c>
      <c r="F42" s="53">
        <v>24040.813499999997</v>
      </c>
      <c r="G42" s="53">
        <v>24040.813499999997</v>
      </c>
      <c r="H42" s="53">
        <v>24040.813499999997</v>
      </c>
      <c r="I42" s="53">
        <v>24040.813499999997</v>
      </c>
      <c r="J42" s="53">
        <v>24040.813499999997</v>
      </c>
      <c r="K42" s="53">
        <v>24040.813499999997</v>
      </c>
      <c r="L42" s="53">
        <v>24040.813499999997</v>
      </c>
      <c r="M42" s="53">
        <v>24040.813499999997</v>
      </c>
      <c r="N42" s="53">
        <v>24040.813499999997</v>
      </c>
      <c r="O42" s="53">
        <v>24040.813499999997</v>
      </c>
      <c r="P42" s="53">
        <v>24040.813499999997</v>
      </c>
      <c r="Q42" s="53">
        <v>24040.813499999997</v>
      </c>
      <c r="R42" s="53">
        <v>24040.813499999997</v>
      </c>
      <c r="S42" s="53">
        <v>24040.813499999997</v>
      </c>
      <c r="T42" s="53">
        <v>24040.813499999997</v>
      </c>
      <c r="U42" s="53">
        <v>24040.813499999997</v>
      </c>
      <c r="V42" s="53">
        <v>1634727.2363729998</v>
      </c>
    </row>
    <row r="43" spans="1:22">
      <c r="A43" s="51" t="s">
        <v>81</v>
      </c>
      <c r="B43" s="51"/>
      <c r="C43" s="51">
        <v>0</v>
      </c>
      <c r="D43" s="51">
        <v>0</v>
      </c>
      <c r="E43" s="51">
        <v>0</v>
      </c>
      <c r="F43" s="51">
        <v>0</v>
      </c>
      <c r="G43" s="51">
        <v>0</v>
      </c>
      <c r="H43" s="51">
        <v>0</v>
      </c>
      <c r="I43" s="51">
        <v>0</v>
      </c>
      <c r="J43" s="51">
        <v>0</v>
      </c>
      <c r="K43" s="51">
        <v>0</v>
      </c>
      <c r="L43" s="52">
        <v>0</v>
      </c>
      <c r="M43" s="51">
        <v>0</v>
      </c>
      <c r="N43" s="51">
        <v>0</v>
      </c>
      <c r="O43" s="51">
        <v>0</v>
      </c>
      <c r="P43" s="51">
        <v>0</v>
      </c>
      <c r="Q43" s="51">
        <v>0</v>
      </c>
      <c r="R43" s="51">
        <v>0</v>
      </c>
      <c r="S43" s="51">
        <v>0</v>
      </c>
      <c r="T43" s="51">
        <v>0</v>
      </c>
      <c r="U43" s="51">
        <v>0</v>
      </c>
      <c r="V43" s="51">
        <v>2544.0533333333337</v>
      </c>
    </row>
    <row r="44" spans="1:22">
      <c r="A44" s="45"/>
      <c r="B44" s="45"/>
      <c r="C44" s="45"/>
      <c r="D44" s="45"/>
      <c r="E44" s="45"/>
      <c r="F44" s="45"/>
      <c r="G44" s="45"/>
      <c r="H44" s="45"/>
      <c r="I44" s="45"/>
      <c r="J44" s="45"/>
      <c r="K44" s="45"/>
      <c r="L44" s="45"/>
      <c r="M44" s="45"/>
      <c r="N44" s="45"/>
      <c r="O44" s="45"/>
      <c r="P44" s="45"/>
      <c r="Q44" s="45"/>
      <c r="R44" s="45"/>
      <c r="S44" s="45"/>
      <c r="T44" s="45"/>
      <c r="U44" s="45"/>
      <c r="V44" s="45"/>
    </row>
    <row r="45" spans="1:22">
      <c r="A45" s="59" t="s">
        <v>82</v>
      </c>
      <c r="B45" s="60">
        <v>-2542090.5800551493</v>
      </c>
      <c r="C45" s="60">
        <v>154613.60853223194</v>
      </c>
      <c r="D45" s="60">
        <v>159003.82592223195</v>
      </c>
      <c r="E45" s="60">
        <v>257265.34164703189</v>
      </c>
      <c r="F45" s="60">
        <v>348080.77424703195</v>
      </c>
      <c r="G45" s="60">
        <v>397748.875847032</v>
      </c>
      <c r="H45" s="60">
        <v>304452.48729945201</v>
      </c>
      <c r="I45" s="60">
        <v>296097.24790945201</v>
      </c>
      <c r="J45" s="60">
        <v>291495.21268465201</v>
      </c>
      <c r="K45" s="60">
        <v>290733.42228465207</v>
      </c>
      <c r="L45" s="60">
        <v>239473.42228465207</v>
      </c>
      <c r="M45" s="60">
        <v>224388.40376985195</v>
      </c>
      <c r="N45" s="60">
        <v>190313.31955985195</v>
      </c>
      <c r="O45" s="60">
        <v>250109.53368465189</v>
      </c>
      <c r="P45" s="60">
        <v>302459.66468465194</v>
      </c>
      <c r="Q45" s="60">
        <v>309922.46468465199</v>
      </c>
      <c r="R45" s="60">
        <v>304452.48729945201</v>
      </c>
      <c r="S45" s="60">
        <v>296097.24790945201</v>
      </c>
      <c r="T45" s="60">
        <v>291495.21268465201</v>
      </c>
      <c r="U45" s="60">
        <v>290733.42228465207</v>
      </c>
      <c r="V45" s="60">
        <v>1975976.2851661339</v>
      </c>
    </row>
    <row r="46" spans="1:22">
      <c r="A46" s="45"/>
      <c r="B46" s="53"/>
      <c r="C46" s="53"/>
      <c r="D46" s="53"/>
      <c r="E46" s="53"/>
      <c r="F46" s="53"/>
      <c r="G46" s="53"/>
      <c r="H46" s="53"/>
      <c r="I46" s="53"/>
      <c r="J46" s="53"/>
      <c r="K46" s="53"/>
      <c r="L46" s="53"/>
      <c r="M46" s="53"/>
      <c r="N46" s="53"/>
      <c r="O46" s="53"/>
      <c r="P46" s="53"/>
      <c r="Q46" s="53"/>
      <c r="R46" s="53"/>
      <c r="S46" s="53"/>
      <c r="T46" s="53"/>
      <c r="U46" s="53"/>
      <c r="V46" s="45"/>
    </row>
    <row r="47" spans="1:22">
      <c r="A47" s="39"/>
      <c r="B47" s="45"/>
      <c r="C47" s="45"/>
      <c r="D47" s="45"/>
      <c r="E47" s="45"/>
      <c r="F47" s="45"/>
      <c r="G47" s="45"/>
      <c r="H47" s="45"/>
      <c r="I47" s="45"/>
      <c r="J47" s="45"/>
      <c r="K47" s="45"/>
      <c r="L47" s="45"/>
      <c r="M47" s="45"/>
      <c r="N47" s="45"/>
      <c r="O47" s="45"/>
      <c r="P47" s="45"/>
      <c r="Q47" s="45"/>
      <c r="R47" s="45"/>
      <c r="S47" s="45"/>
      <c r="T47" s="45"/>
      <c r="U47" s="45"/>
      <c r="V47" s="45"/>
    </row>
    <row r="48" spans="1:22">
      <c r="A48" s="45"/>
      <c r="B48" s="45"/>
      <c r="C48" s="45"/>
      <c r="D48" s="45"/>
      <c r="E48" s="45"/>
      <c r="F48" s="45"/>
      <c r="G48" s="45"/>
      <c r="H48" s="45"/>
      <c r="I48" s="45"/>
      <c r="J48" s="45"/>
      <c r="K48" s="45"/>
      <c r="L48" s="45"/>
      <c r="M48" s="45"/>
      <c r="N48" s="45"/>
      <c r="O48" s="45"/>
      <c r="P48" s="45"/>
      <c r="Q48" s="45"/>
      <c r="R48" s="45"/>
      <c r="S48" s="45"/>
      <c r="T48" s="45"/>
      <c r="U48" s="45"/>
      <c r="V48" s="45"/>
    </row>
    <row r="49" spans="1:22" ht="12" thickBot="1"/>
    <row r="50" spans="1:22" ht="16.5" thickBot="1">
      <c r="A50" s="184" t="s">
        <v>57</v>
      </c>
      <c r="B50" s="185">
        <v>9.8500000000000004E-2</v>
      </c>
      <c r="C50" s="45"/>
      <c r="D50" s="45"/>
      <c r="E50" s="45"/>
      <c r="F50" s="45"/>
      <c r="G50" s="45"/>
      <c r="H50" s="45"/>
      <c r="I50" s="45"/>
      <c r="J50" s="45"/>
      <c r="K50" s="45"/>
      <c r="L50" s="45"/>
      <c r="M50" s="45"/>
      <c r="N50" s="45"/>
      <c r="O50" s="45"/>
      <c r="P50" s="45"/>
      <c r="Q50" s="45"/>
      <c r="R50" s="45"/>
      <c r="S50" s="45"/>
      <c r="T50" s="45"/>
      <c r="U50" s="45"/>
      <c r="V50" s="45"/>
    </row>
    <row r="51" spans="1:22">
      <c r="A51" s="45"/>
      <c r="B51" s="62"/>
      <c r="C51" s="45"/>
      <c r="D51" s="45"/>
      <c r="E51" s="45"/>
      <c r="F51" s="45"/>
      <c r="G51" s="45"/>
      <c r="H51" s="45"/>
      <c r="I51" s="45"/>
      <c r="J51" s="45"/>
      <c r="K51" s="45"/>
      <c r="L51" s="45"/>
      <c r="M51" s="63"/>
      <c r="N51" s="45"/>
      <c r="O51" s="45"/>
      <c r="P51" s="45"/>
      <c r="Q51" s="45"/>
      <c r="R51" s="45"/>
      <c r="S51" s="45"/>
      <c r="T51" s="45"/>
      <c r="U51" s="45"/>
      <c r="V51" s="45"/>
    </row>
    <row r="52" spans="1:22">
      <c r="A52" s="45"/>
      <c r="B52" s="62"/>
      <c r="C52" s="45"/>
      <c r="D52" s="45"/>
      <c r="E52" s="45"/>
      <c r="F52" s="45"/>
      <c r="G52" s="45"/>
      <c r="H52" s="45"/>
      <c r="I52" s="45"/>
      <c r="J52" s="45"/>
      <c r="K52" s="45"/>
      <c r="L52" s="45"/>
      <c r="M52" s="63"/>
      <c r="N52" s="45"/>
      <c r="O52" s="45"/>
      <c r="P52" s="45"/>
      <c r="Q52" s="45"/>
      <c r="R52" s="45"/>
      <c r="S52" s="45"/>
      <c r="T52" s="45"/>
      <c r="U52" s="45"/>
      <c r="V52" s="45"/>
    </row>
    <row r="53" spans="1:22">
      <c r="A53" s="45"/>
      <c r="B53" s="45"/>
      <c r="C53" s="45"/>
      <c r="D53" s="45"/>
      <c r="E53" s="45"/>
      <c r="F53" s="45"/>
      <c r="G53" s="45"/>
      <c r="H53" s="45"/>
      <c r="I53" s="45"/>
      <c r="J53" s="45"/>
      <c r="K53" s="45"/>
      <c r="L53" s="45"/>
      <c r="M53" s="45"/>
      <c r="N53" s="45"/>
      <c r="O53" s="45"/>
      <c r="P53" s="45"/>
      <c r="Q53" s="45"/>
      <c r="R53" s="45"/>
      <c r="S53" s="45"/>
      <c r="T53" s="45"/>
      <c r="U53" s="45"/>
      <c r="V53" s="45"/>
    </row>
    <row r="54" spans="1:22" ht="18">
      <c r="A54" s="183" t="s">
        <v>155</v>
      </c>
      <c r="B54" s="45"/>
      <c r="C54" s="45"/>
      <c r="D54" s="45"/>
      <c r="E54" s="45"/>
      <c r="F54" s="45"/>
      <c r="G54" s="45"/>
      <c r="H54" s="45"/>
      <c r="I54" s="45"/>
      <c r="J54" s="45"/>
      <c r="K54" s="45"/>
      <c r="L54" s="45"/>
      <c r="M54" s="45"/>
      <c r="N54" s="45"/>
      <c r="O54" s="45"/>
      <c r="P54" s="45"/>
      <c r="Q54" s="45"/>
      <c r="R54" s="45"/>
      <c r="S54" s="45"/>
      <c r="T54" s="45"/>
      <c r="U54" s="45"/>
      <c r="V54" s="45"/>
    </row>
    <row r="55" spans="1:22">
      <c r="A55" s="64" t="s">
        <v>83</v>
      </c>
      <c r="B55" s="65"/>
      <c r="C55" s="66">
        <v>387645.68512033345</v>
      </c>
      <c r="D55" s="67">
        <v>525353.15862033342</v>
      </c>
      <c r="E55" s="67">
        <v>652021.79634033341</v>
      </c>
      <c r="F55" s="67">
        <v>767395.59634033334</v>
      </c>
      <c r="G55" s="67">
        <v>880528.83634033334</v>
      </c>
      <c r="H55" s="67">
        <v>606127.69355333329</v>
      </c>
      <c r="I55" s="67">
        <v>581553.4600533332</v>
      </c>
      <c r="J55" s="67">
        <v>568018.06233333331</v>
      </c>
      <c r="K55" s="67">
        <v>565777.50233333325</v>
      </c>
      <c r="L55" s="67">
        <v>576777.50233333325</v>
      </c>
      <c r="M55" s="67">
        <v>592865.6711133332</v>
      </c>
      <c r="N55" s="67">
        <v>617439.90461333329</v>
      </c>
      <c r="O55" s="67">
        <v>630975.3023333333</v>
      </c>
      <c r="P55" s="67">
        <v>633215.86233333324</v>
      </c>
      <c r="Q55" s="67">
        <v>622215.86233333324</v>
      </c>
      <c r="R55" s="67">
        <v>606127.69355333329</v>
      </c>
      <c r="S55" s="67">
        <v>581553.4600533332</v>
      </c>
      <c r="T55" s="67">
        <v>568018.06233333331</v>
      </c>
      <c r="U55" s="67">
        <v>565777.50233333325</v>
      </c>
      <c r="V55" s="68">
        <v>565777.50233333325</v>
      </c>
    </row>
    <row r="56" spans="1:22">
      <c r="A56" s="69" t="s">
        <v>84</v>
      </c>
      <c r="B56" s="70"/>
      <c r="C56" s="72">
        <v>364846.21400700009</v>
      </c>
      <c r="D56" s="72">
        <v>477979.45400700008</v>
      </c>
      <c r="E56" s="72">
        <v>591112.69400700007</v>
      </c>
      <c r="F56" s="72">
        <v>704245.93400700006</v>
      </c>
      <c r="G56" s="72">
        <v>817379.17400700005</v>
      </c>
      <c r="H56" s="72">
        <v>565666.19999999995</v>
      </c>
      <c r="I56" s="72">
        <v>565666.19999999995</v>
      </c>
      <c r="J56" s="72">
        <v>565666.19999999995</v>
      </c>
      <c r="K56" s="72">
        <v>565666.19999999995</v>
      </c>
      <c r="L56" s="72">
        <v>565666.19999999995</v>
      </c>
      <c r="M56" s="72">
        <v>565666.19999999995</v>
      </c>
      <c r="N56" s="72">
        <v>565666.19999999995</v>
      </c>
      <c r="O56" s="72">
        <v>565666.19999999995</v>
      </c>
      <c r="P56" s="72">
        <v>565666.19999999995</v>
      </c>
      <c r="Q56" s="72">
        <v>565666.19999999995</v>
      </c>
      <c r="R56" s="72">
        <v>565666.19999999995</v>
      </c>
      <c r="S56" s="72">
        <v>565666.19999999995</v>
      </c>
      <c r="T56" s="72">
        <v>565666.19999999995</v>
      </c>
      <c r="U56" s="72">
        <v>565666.19999999995</v>
      </c>
      <c r="V56" s="73">
        <v>565666.19999999995</v>
      </c>
    </row>
    <row r="57" spans="1:22">
      <c r="A57" s="74" t="s">
        <v>85</v>
      </c>
      <c r="B57" s="45"/>
      <c r="C57" s="48">
        <v>111.30233333333334</v>
      </c>
      <c r="D57" s="48">
        <v>111.30233333333334</v>
      </c>
      <c r="E57" s="48">
        <v>111.30233333333334</v>
      </c>
      <c r="F57" s="48">
        <v>111.30233333333334</v>
      </c>
      <c r="G57" s="48">
        <v>111.30233333333334</v>
      </c>
      <c r="H57" s="48">
        <v>111.30233333333334</v>
      </c>
      <c r="I57" s="48">
        <v>111.30233333333334</v>
      </c>
      <c r="J57" s="48">
        <v>111.30233333333334</v>
      </c>
      <c r="K57" s="48">
        <v>111.30233333333334</v>
      </c>
      <c r="L57" s="48">
        <v>111.30233333333334</v>
      </c>
      <c r="M57" s="48">
        <v>111.30233333333334</v>
      </c>
      <c r="N57" s="48">
        <v>111.30233333333334</v>
      </c>
      <c r="O57" s="48">
        <v>111.30233333333334</v>
      </c>
      <c r="P57" s="48">
        <v>111.30233333333334</v>
      </c>
      <c r="Q57" s="48">
        <v>111.30233333333334</v>
      </c>
      <c r="R57" s="48">
        <v>111.30233333333334</v>
      </c>
      <c r="S57" s="48">
        <v>111.30233333333334</v>
      </c>
      <c r="T57" s="48">
        <v>111.30233333333334</v>
      </c>
      <c r="U57" s="48">
        <v>111.30233333333334</v>
      </c>
      <c r="V57" s="48">
        <v>111.30233333333334</v>
      </c>
    </row>
    <row r="58" spans="1:22">
      <c r="A58" s="77" t="s">
        <v>86</v>
      </c>
      <c r="B58" s="78"/>
      <c r="C58" s="80">
        <v>22688.16878</v>
      </c>
      <c r="D58" s="80">
        <v>47262.402279999995</v>
      </c>
      <c r="E58" s="80">
        <v>60797.799999999996</v>
      </c>
      <c r="F58" s="80">
        <v>63038.359999999993</v>
      </c>
      <c r="G58" s="80">
        <v>63038.359999999993</v>
      </c>
      <c r="H58" s="80">
        <v>40350.191220000001</v>
      </c>
      <c r="I58" s="80">
        <v>15775.957720000002</v>
      </c>
      <c r="J58" s="80">
        <v>2240.56</v>
      </c>
      <c r="K58" s="80">
        <v>0</v>
      </c>
      <c r="L58" s="80">
        <v>11000</v>
      </c>
      <c r="M58" s="80">
        <v>27088.16878</v>
      </c>
      <c r="N58" s="80">
        <v>51662.402279999995</v>
      </c>
      <c r="O58" s="80">
        <v>65197.8</v>
      </c>
      <c r="P58" s="80">
        <v>67438.36</v>
      </c>
      <c r="Q58" s="80">
        <v>56438.36</v>
      </c>
      <c r="R58" s="80">
        <v>40350.191220000001</v>
      </c>
      <c r="S58" s="80">
        <v>15775.957720000002</v>
      </c>
      <c r="T58" s="80">
        <v>2240.56</v>
      </c>
      <c r="U58" s="80">
        <v>0</v>
      </c>
      <c r="V58" s="81">
        <v>0</v>
      </c>
    </row>
    <row r="88" spans="11:11" ht="12.75">
      <c r="K88" s="172" t="s">
        <v>171</v>
      </c>
    </row>
  </sheetData>
  <pageMargins left="0.19685039370078741" right="0.19685039370078741" top="0.19685039370078741" bottom="0.19685039370078741" header="0.31496062992125984" footer="0.31496062992125984"/>
  <pageSetup paperSize="9" scale="55" fitToWidth="2" orientation="landscape" r:id="rId1"/>
  <drawing r:id="rId2"/>
</worksheet>
</file>

<file path=xl/worksheets/sheet9.xml><?xml version="1.0" encoding="utf-8"?>
<worksheet xmlns="http://schemas.openxmlformats.org/spreadsheetml/2006/main" xmlns:r="http://schemas.openxmlformats.org/officeDocument/2006/relationships">
  <sheetPr codeName="Plan16"/>
  <dimension ref="A1:V88"/>
  <sheetViews>
    <sheetView view="pageBreakPreview" topLeftCell="A58" zoomScale="80" zoomScaleNormal="100" zoomScaleSheetLayoutView="80" workbookViewId="0">
      <selection activeCell="K89" sqref="K89"/>
    </sheetView>
  </sheetViews>
  <sheetFormatPr defaultRowHeight="11.25"/>
  <cols>
    <col min="1" max="1" width="34.85546875" style="2" customWidth="1"/>
    <col min="2" max="2" width="11.85546875" style="2" bestFit="1" customWidth="1"/>
    <col min="3" max="3" width="11.5703125" style="2" bestFit="1" customWidth="1"/>
    <col min="4" max="15" width="10.5703125" style="2" customWidth="1"/>
    <col min="16" max="22" width="10.42578125" style="2" customWidth="1"/>
    <col min="23" max="23" width="9.140625" style="2"/>
    <col min="24" max="25" width="0" style="2" hidden="1" customWidth="1"/>
    <col min="26" max="16384" width="9.140625" style="2"/>
  </cols>
  <sheetData>
    <row r="1" spans="1:22" ht="18">
      <c r="A1" s="165" t="s">
        <v>91</v>
      </c>
    </row>
    <row r="4" spans="1:22" ht="18">
      <c r="A4" s="165" t="s">
        <v>152</v>
      </c>
    </row>
    <row r="5" spans="1:22" ht="15.75">
      <c r="A5" s="173" t="s">
        <v>50</v>
      </c>
    </row>
    <row r="6" spans="1:22" ht="15.75">
      <c r="A6" s="173" t="s">
        <v>153</v>
      </c>
    </row>
    <row r="7" spans="1:22" ht="12.75">
      <c r="A7" s="174" t="s">
        <v>56</v>
      </c>
      <c r="B7" s="175"/>
      <c r="C7" s="176">
        <v>10</v>
      </c>
    </row>
    <row r="8" spans="1:22" ht="12.75">
      <c r="A8" s="177" t="s">
        <v>58</v>
      </c>
      <c r="B8" s="178"/>
      <c r="C8" s="186">
        <v>61282.459903381125</v>
      </c>
    </row>
    <row r="9" spans="1:22" ht="12.75">
      <c r="A9" s="180"/>
      <c r="B9" s="180"/>
      <c r="C9" s="121"/>
    </row>
    <row r="10" spans="1:22" ht="12.75">
      <c r="A10" s="174" t="s">
        <v>59</v>
      </c>
      <c r="B10" s="175"/>
      <c r="C10" s="181">
        <v>48124.643775393037</v>
      </c>
    </row>
    <row r="11" spans="1:22" ht="12.75">
      <c r="A11" s="174" t="s">
        <v>60</v>
      </c>
      <c r="B11" s="175"/>
      <c r="C11" s="181">
        <v>18793.178732</v>
      </c>
    </row>
    <row r="12" spans="1:22" ht="12.75">
      <c r="A12" s="174" t="s">
        <v>61</v>
      </c>
      <c r="B12" s="175"/>
      <c r="C12" s="182">
        <v>29331.465043393033</v>
      </c>
    </row>
    <row r="13" spans="1:22" ht="12.75">
      <c r="A13" s="174" t="s">
        <v>62</v>
      </c>
      <c r="B13" s="175"/>
      <c r="C13" s="181">
        <v>0</v>
      </c>
    </row>
    <row r="14" spans="1:22">
      <c r="A14" s="45"/>
      <c r="B14" s="45"/>
      <c r="C14" s="48"/>
    </row>
    <row r="15" spans="1:22" ht="18">
      <c r="A15" s="183" t="s">
        <v>154</v>
      </c>
      <c r="C15" s="48"/>
      <c r="D15" s="27"/>
      <c r="V15" s="49" t="s">
        <v>63</v>
      </c>
    </row>
    <row r="16" spans="1:22">
      <c r="A16" s="50"/>
      <c r="B16" s="50" t="s">
        <v>2</v>
      </c>
      <c r="C16" s="50" t="s">
        <v>3</v>
      </c>
      <c r="D16" s="50" t="s">
        <v>4</v>
      </c>
      <c r="E16" s="50" t="s">
        <v>5</v>
      </c>
      <c r="F16" s="50" t="s">
        <v>6</v>
      </c>
      <c r="G16" s="50" t="s">
        <v>7</v>
      </c>
      <c r="H16" s="50" t="s">
        <v>8</v>
      </c>
      <c r="I16" s="50" t="s">
        <v>9</v>
      </c>
      <c r="J16" s="50" t="s">
        <v>10</v>
      </c>
      <c r="K16" s="50" t="s">
        <v>11</v>
      </c>
      <c r="L16" s="50" t="s">
        <v>12</v>
      </c>
      <c r="M16" s="50" t="s">
        <v>13</v>
      </c>
      <c r="N16" s="50" t="s">
        <v>14</v>
      </c>
      <c r="O16" s="50" t="s">
        <v>15</v>
      </c>
      <c r="P16" s="50" t="s">
        <v>16</v>
      </c>
      <c r="Q16" s="50" t="s">
        <v>17</v>
      </c>
      <c r="R16" s="50" t="s">
        <v>18</v>
      </c>
      <c r="S16" s="50" t="s">
        <v>19</v>
      </c>
      <c r="T16" s="50" t="s">
        <v>20</v>
      </c>
      <c r="U16" s="50" t="s">
        <v>21</v>
      </c>
      <c r="V16" s="50" t="s">
        <v>22</v>
      </c>
    </row>
    <row r="17" spans="1:22">
      <c r="A17" s="45" t="s">
        <v>64</v>
      </c>
      <c r="B17" s="45"/>
      <c r="C17" s="48">
        <v>7353895.1884057354</v>
      </c>
      <c r="D17" s="48">
        <v>7353895.1884057354</v>
      </c>
      <c r="E17" s="48">
        <v>7353895.1884057354</v>
      </c>
      <c r="F17" s="48">
        <v>7353895.1884057354</v>
      </c>
      <c r="G17" s="48">
        <v>7353895.1884057354</v>
      </c>
      <c r="H17" s="48">
        <v>7353895.1884057354</v>
      </c>
      <c r="I17" s="48">
        <v>7353895.1884057354</v>
      </c>
      <c r="J17" s="48">
        <v>7353895.1884057354</v>
      </c>
      <c r="K17" s="48">
        <v>7353895.1884057354</v>
      </c>
      <c r="L17" s="48">
        <v>7353895.1884057354</v>
      </c>
      <c r="M17" s="48">
        <v>7353895.1884057354</v>
      </c>
      <c r="N17" s="48">
        <v>7353895.1884057354</v>
      </c>
      <c r="O17" s="48">
        <v>7353895.1884057354</v>
      </c>
      <c r="P17" s="48">
        <v>7353895.1884057354</v>
      </c>
      <c r="Q17" s="48">
        <v>7353895.1884057354</v>
      </c>
      <c r="R17" s="48">
        <v>7353895.1884057354</v>
      </c>
      <c r="S17" s="48">
        <v>7353895.1884057354</v>
      </c>
      <c r="T17" s="48">
        <v>7353895.1884057354</v>
      </c>
      <c r="U17" s="48">
        <v>7353895.1884057354</v>
      </c>
      <c r="V17" s="48">
        <v>7353895.1884057354</v>
      </c>
    </row>
    <row r="18" spans="1:22">
      <c r="A18" s="51" t="s">
        <v>65</v>
      </c>
      <c r="B18" s="51"/>
      <c r="C18" s="52">
        <v>147077.90376811472</v>
      </c>
      <c r="D18" s="52">
        <v>147077.90376811472</v>
      </c>
      <c r="E18" s="52">
        <v>147077.90376811472</v>
      </c>
      <c r="F18" s="52">
        <v>147077.90376811472</v>
      </c>
      <c r="G18" s="52">
        <v>147077.90376811472</v>
      </c>
      <c r="H18" s="52">
        <v>147077.90376811472</v>
      </c>
      <c r="I18" s="52">
        <v>147077.90376811472</v>
      </c>
      <c r="J18" s="52">
        <v>147077.90376811472</v>
      </c>
      <c r="K18" s="52">
        <v>147077.90376811472</v>
      </c>
      <c r="L18" s="52">
        <v>147077.90376811472</v>
      </c>
      <c r="M18" s="52">
        <v>147077.90376811472</v>
      </c>
      <c r="N18" s="52">
        <v>147077.90376811472</v>
      </c>
      <c r="O18" s="52">
        <v>147077.90376811472</v>
      </c>
      <c r="P18" s="52">
        <v>147077.90376811472</v>
      </c>
      <c r="Q18" s="52">
        <v>147077.90376811472</v>
      </c>
      <c r="R18" s="52">
        <v>147077.90376811472</v>
      </c>
      <c r="S18" s="52">
        <v>147077.90376811472</v>
      </c>
      <c r="T18" s="52">
        <v>147077.90376811472</v>
      </c>
      <c r="U18" s="52">
        <v>147077.90376811472</v>
      </c>
      <c r="V18" s="52">
        <v>147077.90376811472</v>
      </c>
    </row>
    <row r="19" spans="1:22">
      <c r="A19" s="45" t="s">
        <v>66</v>
      </c>
      <c r="B19" s="45"/>
      <c r="C19" s="53">
        <v>7206817.2846376207</v>
      </c>
      <c r="D19" s="53">
        <v>7206817.2846376207</v>
      </c>
      <c r="E19" s="53">
        <v>7206817.2846376207</v>
      </c>
      <c r="F19" s="53">
        <v>7206817.2846376207</v>
      </c>
      <c r="G19" s="53">
        <v>7206817.2846376207</v>
      </c>
      <c r="H19" s="53">
        <v>7206817.2846376207</v>
      </c>
      <c r="I19" s="53">
        <v>7206817.2846376207</v>
      </c>
      <c r="J19" s="53">
        <v>7206817.2846376207</v>
      </c>
      <c r="K19" s="53">
        <v>7206817.2846376207</v>
      </c>
      <c r="L19" s="53">
        <v>7206817.2846376207</v>
      </c>
      <c r="M19" s="53">
        <v>7206817.2846376207</v>
      </c>
      <c r="N19" s="53">
        <v>7206817.2846376207</v>
      </c>
      <c r="O19" s="53">
        <v>7206817.2846376207</v>
      </c>
      <c r="P19" s="53">
        <v>7206817.2846376207</v>
      </c>
      <c r="Q19" s="53">
        <v>7206817.2846376207</v>
      </c>
      <c r="R19" s="53">
        <v>7206817.2846376207</v>
      </c>
      <c r="S19" s="53">
        <v>7206817.2846376207</v>
      </c>
      <c r="T19" s="53">
        <v>7206817.2846376207</v>
      </c>
      <c r="U19" s="53">
        <v>7206817.2846376207</v>
      </c>
      <c r="V19" s="53">
        <v>7206817.2846376207</v>
      </c>
    </row>
    <row r="20" spans="1:22">
      <c r="A20" s="45"/>
      <c r="B20" s="45"/>
      <c r="C20" s="45"/>
      <c r="D20" s="45"/>
      <c r="E20" s="45"/>
      <c r="F20" s="45"/>
      <c r="G20" s="45"/>
      <c r="H20" s="45"/>
      <c r="I20" s="45"/>
      <c r="J20" s="45"/>
      <c r="K20" s="45"/>
      <c r="L20" s="45"/>
      <c r="M20" s="45"/>
      <c r="N20" s="45"/>
      <c r="O20" s="45"/>
      <c r="P20" s="45"/>
      <c r="Q20" s="45"/>
      <c r="R20" s="45"/>
      <c r="S20" s="45"/>
      <c r="T20" s="45"/>
      <c r="U20" s="45"/>
      <c r="V20" s="45"/>
    </row>
    <row r="21" spans="1:22">
      <c r="A21" s="51" t="s">
        <v>67</v>
      </c>
      <c r="B21" s="51"/>
      <c r="C21" s="52">
        <v>5785560.4530471647</v>
      </c>
      <c r="D21" s="52">
        <v>5785560.4530471647</v>
      </c>
      <c r="E21" s="52">
        <v>5785560.4530471647</v>
      </c>
      <c r="F21" s="52">
        <v>5792963.2530471645</v>
      </c>
      <c r="G21" s="52">
        <v>5792963.2530471645</v>
      </c>
      <c r="H21" s="52">
        <v>5792963.2530471645</v>
      </c>
      <c r="I21" s="52">
        <v>5792963.2530471645</v>
      </c>
      <c r="J21" s="52">
        <v>5792963.2530471645</v>
      </c>
      <c r="K21" s="52">
        <v>5792963.2530471645</v>
      </c>
      <c r="L21" s="52">
        <v>5792963.2530471645</v>
      </c>
      <c r="M21" s="54">
        <v>5785560.4530471647</v>
      </c>
      <c r="N21" s="54">
        <v>5785560.4530471647</v>
      </c>
      <c r="O21" s="54">
        <v>5785560.4530471647</v>
      </c>
      <c r="P21" s="54">
        <v>5792963.2530471645</v>
      </c>
      <c r="Q21" s="54">
        <v>5792963.2530471645</v>
      </c>
      <c r="R21" s="54">
        <v>5792963.2530471645</v>
      </c>
      <c r="S21" s="54">
        <v>5792963.2530471645</v>
      </c>
      <c r="T21" s="54">
        <v>5792963.2530471645</v>
      </c>
      <c r="U21" s="54">
        <v>5792963.2530471645</v>
      </c>
      <c r="V21" s="54">
        <v>5792963.2530471645</v>
      </c>
    </row>
    <row r="22" spans="1:22">
      <c r="A22" s="45"/>
      <c r="B22" s="45"/>
      <c r="C22" s="45"/>
      <c r="D22" s="45"/>
      <c r="E22" s="45"/>
      <c r="F22" s="45"/>
      <c r="G22" s="45"/>
      <c r="H22" s="45"/>
      <c r="I22" s="45"/>
      <c r="J22" s="45"/>
      <c r="K22" s="45"/>
      <c r="L22" s="45"/>
      <c r="M22" s="45"/>
      <c r="N22" s="45"/>
      <c r="O22" s="45"/>
      <c r="P22" s="45"/>
      <c r="Q22" s="45"/>
      <c r="R22" s="45"/>
      <c r="S22" s="45"/>
      <c r="T22" s="45"/>
      <c r="U22" s="45"/>
      <c r="V22" s="45"/>
    </row>
    <row r="23" spans="1:22">
      <c r="A23" s="45" t="s">
        <v>68</v>
      </c>
      <c r="B23" s="45"/>
      <c r="C23" s="48">
        <v>563353.27029433334</v>
      </c>
      <c r="D23" s="48">
        <v>759141.01607433334</v>
      </c>
      <c r="E23" s="48">
        <v>949354.6415143332</v>
      </c>
      <c r="F23" s="48">
        <v>1119406.6815143332</v>
      </c>
      <c r="G23" s="48">
        <v>1284977.6015143332</v>
      </c>
      <c r="H23" s="48">
        <v>887306.55355333316</v>
      </c>
      <c r="I23" s="48">
        <v>857089.7277733332</v>
      </c>
      <c r="J23" s="48">
        <v>832447.02233333315</v>
      </c>
      <c r="K23" s="48">
        <v>827965.90233333316</v>
      </c>
      <c r="L23" s="48">
        <v>849965.90233333316</v>
      </c>
      <c r="M23" s="48">
        <v>866054.07111333311</v>
      </c>
      <c r="N23" s="48">
        <v>896270.89689333318</v>
      </c>
      <c r="O23" s="48">
        <v>920913.60233333311</v>
      </c>
      <c r="P23" s="48">
        <v>925394.72233333311</v>
      </c>
      <c r="Q23" s="48">
        <v>903394.72233333322</v>
      </c>
      <c r="R23" s="48">
        <v>887306.55355333316</v>
      </c>
      <c r="S23" s="48">
        <v>857089.7277733332</v>
      </c>
      <c r="T23" s="48">
        <v>832447.02233333315</v>
      </c>
      <c r="U23" s="48">
        <v>827965.90233333316</v>
      </c>
      <c r="V23" s="48">
        <v>827965.90233333316</v>
      </c>
    </row>
    <row r="24" spans="1:22">
      <c r="A24" s="45"/>
      <c r="B24" s="45"/>
      <c r="C24" s="45"/>
      <c r="D24" s="45"/>
      <c r="E24" s="45"/>
      <c r="F24" s="45"/>
      <c r="G24" s="45"/>
      <c r="H24" s="45"/>
      <c r="I24" s="45"/>
      <c r="J24" s="45"/>
      <c r="K24" s="45"/>
      <c r="L24" s="45"/>
      <c r="M24" s="45"/>
      <c r="N24" s="45"/>
      <c r="O24" s="45"/>
      <c r="P24" s="45"/>
      <c r="Q24" s="45"/>
      <c r="R24" s="45"/>
      <c r="S24" s="45"/>
      <c r="T24" s="45"/>
      <c r="U24" s="45"/>
      <c r="V24" s="45"/>
    </row>
    <row r="25" spans="1:22">
      <c r="A25" s="51" t="s">
        <v>69</v>
      </c>
      <c r="B25" s="51"/>
      <c r="C25" s="54">
        <v>857903.56129612261</v>
      </c>
      <c r="D25" s="54">
        <v>662115.81551612262</v>
      </c>
      <c r="E25" s="54">
        <v>471902.19007612276</v>
      </c>
      <c r="F25" s="54">
        <v>294447.35007612291</v>
      </c>
      <c r="G25" s="54">
        <v>128876.43007612298</v>
      </c>
      <c r="H25" s="54">
        <v>526547.47803712299</v>
      </c>
      <c r="I25" s="54">
        <v>556764.30381712294</v>
      </c>
      <c r="J25" s="54">
        <v>581407.00925712299</v>
      </c>
      <c r="K25" s="54">
        <v>585888.12925712299</v>
      </c>
      <c r="L25" s="54">
        <v>563888.12925712299</v>
      </c>
      <c r="M25" s="54">
        <v>555202.76047712285</v>
      </c>
      <c r="N25" s="54">
        <v>524985.93469712278</v>
      </c>
      <c r="O25" s="54">
        <v>500343.22925712285</v>
      </c>
      <c r="P25" s="54">
        <v>488459.30925712304</v>
      </c>
      <c r="Q25" s="54">
        <v>510459.30925712292</v>
      </c>
      <c r="R25" s="54">
        <v>526547.47803712299</v>
      </c>
      <c r="S25" s="54">
        <v>556764.30381712294</v>
      </c>
      <c r="T25" s="54">
        <v>581407.00925712299</v>
      </c>
      <c r="U25" s="54">
        <v>585888.12925712299</v>
      </c>
      <c r="V25" s="54">
        <v>585888.12925712299</v>
      </c>
    </row>
    <row r="26" spans="1:22">
      <c r="A26" s="45"/>
      <c r="B26" s="45"/>
      <c r="C26" s="45"/>
      <c r="D26" s="45"/>
      <c r="E26" s="45"/>
      <c r="F26" s="45"/>
      <c r="G26" s="45"/>
      <c r="H26" s="45"/>
      <c r="I26" s="45"/>
      <c r="J26" s="45"/>
      <c r="K26" s="45"/>
      <c r="L26" s="45"/>
      <c r="M26" s="45"/>
      <c r="N26" s="45"/>
      <c r="O26" s="45"/>
      <c r="P26" s="45"/>
      <c r="Q26" s="45"/>
      <c r="R26" s="45"/>
      <c r="S26" s="45"/>
      <c r="T26" s="45"/>
      <c r="U26" s="45"/>
      <c r="V26" s="45"/>
    </row>
    <row r="27" spans="1:22">
      <c r="A27" s="45" t="s">
        <v>70</v>
      </c>
      <c r="B27" s="45"/>
      <c r="C27" s="48">
        <v>291687.21084068168</v>
      </c>
      <c r="D27" s="48">
        <v>225119.3772754817</v>
      </c>
      <c r="E27" s="48">
        <v>160446.74462588175</v>
      </c>
      <c r="F27" s="48">
        <v>100112.09902588179</v>
      </c>
      <c r="G27" s="48">
        <v>43817.986225881818</v>
      </c>
      <c r="H27" s="48">
        <v>179026.14253262183</v>
      </c>
      <c r="I27" s="48">
        <v>189299.86329782181</v>
      </c>
      <c r="J27" s="48">
        <v>197678.38314742182</v>
      </c>
      <c r="K27" s="48">
        <v>199201.96394742184</v>
      </c>
      <c r="L27" s="48">
        <v>191721.96394742184</v>
      </c>
      <c r="M27" s="48">
        <v>188768.9385622218</v>
      </c>
      <c r="N27" s="48">
        <v>178495.21779702176</v>
      </c>
      <c r="O27" s="48">
        <v>170116.69794742178</v>
      </c>
      <c r="P27" s="48">
        <v>166076.16514742185</v>
      </c>
      <c r="Q27" s="48">
        <v>173556.16514742179</v>
      </c>
      <c r="R27" s="48">
        <v>179026.14253262183</v>
      </c>
      <c r="S27" s="48">
        <v>189299.86329782181</v>
      </c>
      <c r="T27" s="48">
        <v>197678.38314742182</v>
      </c>
      <c r="U27" s="48">
        <v>199201.96394742184</v>
      </c>
      <c r="V27" s="48">
        <v>199201.96394742184</v>
      </c>
    </row>
    <row r="28" spans="1:22">
      <c r="A28" s="45"/>
      <c r="B28" s="45"/>
      <c r="C28" s="45"/>
      <c r="D28" s="45"/>
      <c r="E28" s="45"/>
      <c r="F28" s="45"/>
      <c r="G28" s="45"/>
      <c r="H28" s="45"/>
      <c r="I28" s="45"/>
      <c r="J28" s="45"/>
      <c r="K28" s="45"/>
      <c r="L28" s="45"/>
      <c r="M28" s="45"/>
      <c r="N28" s="45"/>
      <c r="O28" s="45"/>
      <c r="P28" s="45"/>
      <c r="Q28" s="45"/>
      <c r="R28" s="45"/>
      <c r="S28" s="45"/>
      <c r="T28" s="45"/>
      <c r="U28" s="45"/>
      <c r="V28" s="45"/>
    </row>
    <row r="29" spans="1:22">
      <c r="A29" s="51" t="s">
        <v>71</v>
      </c>
      <c r="B29" s="51"/>
      <c r="C29" s="54">
        <v>566216.35045544093</v>
      </c>
      <c r="D29" s="54">
        <v>436996.43824064091</v>
      </c>
      <c r="E29" s="54">
        <v>311455.44545024098</v>
      </c>
      <c r="F29" s="54">
        <v>194335.25105024112</v>
      </c>
      <c r="G29" s="54">
        <v>85058.443850241165</v>
      </c>
      <c r="H29" s="54">
        <v>347521.33550450113</v>
      </c>
      <c r="I29" s="54">
        <v>367464.4405193011</v>
      </c>
      <c r="J29" s="54">
        <v>383728.62610970117</v>
      </c>
      <c r="K29" s="54">
        <v>386686.16530970111</v>
      </c>
      <c r="L29" s="54">
        <v>372166.16530970111</v>
      </c>
      <c r="M29" s="54">
        <v>366433.82191490103</v>
      </c>
      <c r="N29" s="54">
        <v>346490.71690010105</v>
      </c>
      <c r="O29" s="54">
        <v>330226.53130970104</v>
      </c>
      <c r="P29" s="54">
        <v>322383.14410970116</v>
      </c>
      <c r="Q29" s="54">
        <v>336903.14410970116</v>
      </c>
      <c r="R29" s="54">
        <v>347521.33550450113</v>
      </c>
      <c r="S29" s="54">
        <v>367464.4405193011</v>
      </c>
      <c r="T29" s="54">
        <v>383728.62610970117</v>
      </c>
      <c r="U29" s="54">
        <v>386686.16530970111</v>
      </c>
      <c r="V29" s="54">
        <v>386686.16530970111</v>
      </c>
    </row>
    <row r="30" spans="1:22">
      <c r="A30" s="45"/>
      <c r="B30" s="45"/>
      <c r="C30" s="45"/>
      <c r="D30" s="45"/>
      <c r="E30" s="45"/>
      <c r="F30" s="45"/>
      <c r="G30" s="45"/>
      <c r="H30" s="45"/>
      <c r="I30" s="45"/>
      <c r="J30" s="45"/>
      <c r="K30" s="45"/>
      <c r="L30" s="45"/>
      <c r="M30" s="45"/>
      <c r="N30" s="45"/>
      <c r="O30" s="45"/>
      <c r="P30" s="45"/>
      <c r="Q30" s="45"/>
      <c r="R30" s="45"/>
      <c r="S30" s="45"/>
      <c r="T30" s="45"/>
      <c r="U30" s="45"/>
      <c r="V30" s="45"/>
    </row>
    <row r="31" spans="1:22">
      <c r="A31" s="45" t="s">
        <v>72</v>
      </c>
      <c r="B31" s="45"/>
      <c r="C31" s="48">
        <v>563353.27029433334</v>
      </c>
      <c r="D31" s="48">
        <v>759141.01607433334</v>
      </c>
      <c r="E31" s="48">
        <v>949354.6415143332</v>
      </c>
      <c r="F31" s="48">
        <v>1119406.6815143332</v>
      </c>
      <c r="G31" s="48">
        <v>1284977.6015143332</v>
      </c>
      <c r="H31" s="48">
        <v>887306.55355333316</v>
      </c>
      <c r="I31" s="48">
        <v>857089.7277733332</v>
      </c>
      <c r="J31" s="48">
        <v>832447.02233333315</v>
      </c>
      <c r="K31" s="48">
        <v>827965.90233333316</v>
      </c>
      <c r="L31" s="48">
        <v>849965.90233333316</v>
      </c>
      <c r="M31" s="48">
        <v>866054.07111333311</v>
      </c>
      <c r="N31" s="48">
        <v>896270.89689333318</v>
      </c>
      <c r="O31" s="48">
        <v>920913.60233333311</v>
      </c>
      <c r="P31" s="48">
        <v>925394.72233333311</v>
      </c>
      <c r="Q31" s="48">
        <v>903394.72233333322</v>
      </c>
      <c r="R31" s="48">
        <v>887306.55355333316</v>
      </c>
      <c r="S31" s="48">
        <v>857089.7277733332</v>
      </c>
      <c r="T31" s="48">
        <v>832447.02233333315</v>
      </c>
      <c r="U31" s="48">
        <v>827965.90233333316</v>
      </c>
      <c r="V31" s="48">
        <v>827965.90233333316</v>
      </c>
    </row>
    <row r="32" spans="1:22">
      <c r="A32" s="45"/>
      <c r="B32" s="45"/>
      <c r="C32" s="45"/>
      <c r="D32" s="45"/>
      <c r="E32" s="45"/>
      <c r="F32" s="45"/>
      <c r="G32" s="45"/>
      <c r="H32" s="45"/>
      <c r="I32" s="45"/>
      <c r="J32" s="45"/>
      <c r="K32" s="45"/>
      <c r="L32" s="45"/>
      <c r="M32" s="45"/>
      <c r="N32" s="45"/>
      <c r="O32" s="45"/>
      <c r="P32" s="45"/>
      <c r="Q32" s="45"/>
      <c r="R32" s="45"/>
      <c r="S32" s="45"/>
      <c r="T32" s="45"/>
      <c r="U32" s="45"/>
      <c r="V32" s="45"/>
    </row>
    <row r="33" spans="1:22">
      <c r="A33" s="51" t="s">
        <v>73</v>
      </c>
      <c r="B33" s="51"/>
      <c r="C33" s="54">
        <v>1129569.6207497744</v>
      </c>
      <c r="D33" s="54">
        <v>1196137.4543149741</v>
      </c>
      <c r="E33" s="54">
        <v>1260810.0869645742</v>
      </c>
      <c r="F33" s="54">
        <v>1313741.9325645743</v>
      </c>
      <c r="G33" s="54">
        <v>1370036.0453645743</v>
      </c>
      <c r="H33" s="54">
        <v>1234827.8890578342</v>
      </c>
      <c r="I33" s="54">
        <v>1224554.1682926342</v>
      </c>
      <c r="J33" s="54">
        <v>1216175.6484430344</v>
      </c>
      <c r="K33" s="54">
        <v>1214652.0676430343</v>
      </c>
      <c r="L33" s="54">
        <v>1222132.0676430343</v>
      </c>
      <c r="M33" s="54">
        <v>1232487.8930282341</v>
      </c>
      <c r="N33" s="54">
        <v>1242761.6137934341</v>
      </c>
      <c r="O33" s="54">
        <v>1251140.1336430341</v>
      </c>
      <c r="P33" s="54">
        <v>1247777.8664430343</v>
      </c>
      <c r="Q33" s="54">
        <v>1240297.8664430343</v>
      </c>
      <c r="R33" s="54">
        <v>1234827.8890578342</v>
      </c>
      <c r="S33" s="54">
        <v>1224554.1682926342</v>
      </c>
      <c r="T33" s="54">
        <v>1216175.6484430344</v>
      </c>
      <c r="U33" s="54">
        <v>1214652.0676430343</v>
      </c>
      <c r="V33" s="54">
        <v>1214652.0676430343</v>
      </c>
    </row>
    <row r="34" spans="1:22">
      <c r="A34" s="45"/>
      <c r="B34" s="45"/>
      <c r="C34" s="45"/>
      <c r="D34" s="45"/>
      <c r="E34" s="45"/>
      <c r="F34" s="45"/>
      <c r="G34" s="45"/>
      <c r="H34" s="45"/>
      <c r="I34" s="45"/>
      <c r="J34" s="45"/>
      <c r="K34" s="45"/>
      <c r="L34" s="45"/>
      <c r="M34" s="45"/>
      <c r="N34" s="45"/>
      <c r="O34" s="45"/>
      <c r="P34" s="45"/>
      <c r="Q34" s="45"/>
      <c r="R34" s="45"/>
      <c r="S34" s="45"/>
      <c r="T34" s="45"/>
      <c r="U34" s="45"/>
      <c r="V34" s="45"/>
    </row>
    <row r="35" spans="1:22">
      <c r="A35" s="45" t="s">
        <v>74</v>
      </c>
      <c r="B35" s="53">
        <v>3709716.3473214689</v>
      </c>
      <c r="C35" s="53">
        <v>908295.44389999995</v>
      </c>
      <c r="D35" s="53">
        <v>978938.72889999999</v>
      </c>
      <c r="E35" s="53">
        <v>951068.12719999999</v>
      </c>
      <c r="F35" s="53">
        <v>850260.2</v>
      </c>
      <c r="G35" s="53">
        <v>827854.6</v>
      </c>
      <c r="H35" s="53">
        <v>827854.6</v>
      </c>
      <c r="I35" s="53">
        <v>827854.6</v>
      </c>
      <c r="J35" s="53">
        <v>827854.6</v>
      </c>
      <c r="K35" s="53">
        <v>827854.6</v>
      </c>
      <c r="L35" s="53">
        <v>937854.6</v>
      </c>
      <c r="M35" s="53">
        <v>908295.44389999995</v>
      </c>
      <c r="N35" s="53">
        <v>978938.72889999999</v>
      </c>
      <c r="O35" s="53">
        <v>951068.12719999999</v>
      </c>
      <c r="P35" s="53">
        <v>850260.2</v>
      </c>
      <c r="Q35" s="53">
        <v>827854.6</v>
      </c>
      <c r="R35" s="53">
        <v>827854.6</v>
      </c>
      <c r="S35" s="53">
        <v>827854.6</v>
      </c>
      <c r="T35" s="53">
        <v>827854.6</v>
      </c>
      <c r="U35" s="53">
        <v>827854.6</v>
      </c>
      <c r="V35" s="53">
        <v>748600.347218532</v>
      </c>
    </row>
    <row r="36" spans="1:22">
      <c r="A36" s="55" t="s">
        <v>75</v>
      </c>
      <c r="B36" s="54">
        <v>3559691.9945400008</v>
      </c>
      <c r="C36" s="54">
        <v>827854.6</v>
      </c>
      <c r="D36" s="54">
        <v>827854.6</v>
      </c>
      <c r="E36" s="54">
        <v>827854.6</v>
      </c>
      <c r="F36" s="54">
        <v>827854.6</v>
      </c>
      <c r="G36" s="54">
        <v>827854.6</v>
      </c>
      <c r="H36" s="54">
        <v>827854.6</v>
      </c>
      <c r="I36" s="54">
        <v>827854.6</v>
      </c>
      <c r="J36" s="54">
        <v>827854.6</v>
      </c>
      <c r="K36" s="54">
        <v>827854.6</v>
      </c>
      <c r="L36" s="54">
        <v>827854.6</v>
      </c>
      <c r="M36" s="54">
        <v>827854.6</v>
      </c>
      <c r="N36" s="54">
        <v>827854.6</v>
      </c>
      <c r="O36" s="54">
        <v>827854.6</v>
      </c>
      <c r="P36" s="54">
        <v>827854.6</v>
      </c>
      <c r="Q36" s="54">
        <v>827854.6</v>
      </c>
      <c r="R36" s="54">
        <v>827854.6</v>
      </c>
      <c r="S36" s="54">
        <v>827854.6</v>
      </c>
      <c r="T36" s="54">
        <v>827854.6</v>
      </c>
      <c r="U36" s="54">
        <v>827854.6</v>
      </c>
      <c r="V36" s="54">
        <v>827854.6</v>
      </c>
    </row>
    <row r="37" spans="1:22">
      <c r="A37" s="56" t="s">
        <v>76</v>
      </c>
      <c r="B37" s="48">
        <v>66000</v>
      </c>
      <c r="C37" s="48">
        <v>80440.843899999993</v>
      </c>
      <c r="D37" s="48">
        <v>151084.12890000001</v>
      </c>
      <c r="E37" s="48">
        <v>123213.52720000001</v>
      </c>
      <c r="F37" s="48">
        <v>22405.599999999999</v>
      </c>
      <c r="G37" s="48">
        <v>0</v>
      </c>
      <c r="H37" s="48">
        <v>0</v>
      </c>
      <c r="I37" s="48">
        <v>0</v>
      </c>
      <c r="J37" s="48">
        <v>0</v>
      </c>
      <c r="K37" s="48">
        <v>0</v>
      </c>
      <c r="L37" s="48">
        <v>110000</v>
      </c>
      <c r="M37" s="48">
        <v>80440.843899999993</v>
      </c>
      <c r="N37" s="48">
        <v>151084.12890000001</v>
      </c>
      <c r="O37" s="48">
        <v>123213.52720000001</v>
      </c>
      <c r="P37" s="48">
        <v>22405.599999999999</v>
      </c>
      <c r="Q37" s="48">
        <v>0</v>
      </c>
      <c r="R37" s="48">
        <v>0</v>
      </c>
      <c r="S37" s="48">
        <v>0</v>
      </c>
      <c r="T37" s="48">
        <v>0</v>
      </c>
      <c r="U37" s="48">
        <v>0</v>
      </c>
      <c r="V37" s="48">
        <v>0</v>
      </c>
    </row>
    <row r="38" spans="1:22">
      <c r="A38" s="55" t="s">
        <v>77</v>
      </c>
      <c r="B38" s="57">
        <v>4770.1000000000004</v>
      </c>
      <c r="C38" s="51">
        <v>0</v>
      </c>
      <c r="D38" s="51">
        <v>0</v>
      </c>
      <c r="E38" s="51">
        <v>0</v>
      </c>
      <c r="F38" s="51">
        <v>0</v>
      </c>
      <c r="G38" s="51">
        <v>0</v>
      </c>
      <c r="H38" s="51">
        <v>0</v>
      </c>
      <c r="I38" s="51">
        <v>0</v>
      </c>
      <c r="J38" s="51">
        <v>0</v>
      </c>
      <c r="K38" s="51">
        <v>0</v>
      </c>
      <c r="L38" s="51">
        <v>0</v>
      </c>
      <c r="M38" s="51"/>
      <c r="N38" s="51"/>
      <c r="O38" s="51"/>
      <c r="P38" s="51"/>
      <c r="Q38" s="51"/>
      <c r="R38" s="51"/>
      <c r="S38" s="51"/>
      <c r="T38" s="51"/>
      <c r="U38" s="51"/>
      <c r="V38" s="51"/>
    </row>
    <row r="39" spans="1:22">
      <c r="A39" s="56" t="s">
        <v>78</v>
      </c>
      <c r="B39" s="48">
        <v>79254.252781468007</v>
      </c>
      <c r="C39" s="45">
        <v>0</v>
      </c>
      <c r="D39" s="45">
        <v>0</v>
      </c>
      <c r="E39" s="45">
        <v>0</v>
      </c>
      <c r="F39" s="45">
        <v>0</v>
      </c>
      <c r="G39" s="45">
        <v>0</v>
      </c>
      <c r="H39" s="45">
        <v>0</v>
      </c>
      <c r="I39" s="45">
        <v>0</v>
      </c>
      <c r="J39" s="45">
        <v>0</v>
      </c>
      <c r="K39" s="45">
        <v>0</v>
      </c>
      <c r="L39" s="53">
        <v>0</v>
      </c>
      <c r="M39" s="53">
        <v>0</v>
      </c>
      <c r="N39" s="53">
        <v>0</v>
      </c>
      <c r="O39" s="53">
        <v>0</v>
      </c>
      <c r="P39" s="53">
        <v>0</v>
      </c>
      <c r="Q39" s="53">
        <v>0</v>
      </c>
      <c r="R39" s="53">
        <v>0</v>
      </c>
      <c r="S39" s="53">
        <v>0</v>
      </c>
      <c r="T39" s="53">
        <v>0</v>
      </c>
      <c r="U39" s="53">
        <v>0</v>
      </c>
      <c r="V39" s="53">
        <v>-79254.252781468007</v>
      </c>
    </row>
    <row r="40" spans="1:22">
      <c r="A40" s="45"/>
      <c r="B40" s="45"/>
      <c r="C40" s="45"/>
      <c r="D40" s="45"/>
      <c r="E40" s="45"/>
      <c r="F40" s="45"/>
      <c r="G40" s="45"/>
      <c r="H40" s="45"/>
      <c r="I40" s="45"/>
      <c r="J40" s="45"/>
      <c r="K40" s="45"/>
      <c r="L40" s="45"/>
      <c r="M40" s="45"/>
      <c r="N40" s="45"/>
      <c r="O40" s="45"/>
      <c r="P40" s="45"/>
      <c r="Q40" s="45"/>
      <c r="R40" s="45"/>
      <c r="S40" s="45"/>
      <c r="T40" s="45"/>
      <c r="U40" s="45"/>
      <c r="V40" s="45"/>
    </row>
    <row r="41" spans="1:22">
      <c r="A41" s="51" t="s">
        <v>79</v>
      </c>
      <c r="B41" s="52">
        <v>0</v>
      </c>
      <c r="C41" s="52">
        <v>35183.820500000002</v>
      </c>
      <c r="D41" s="52">
        <v>35183.820500000002</v>
      </c>
      <c r="E41" s="52">
        <v>35183.820500000002</v>
      </c>
      <c r="F41" s="52">
        <v>35183.820500000002</v>
      </c>
      <c r="G41" s="52">
        <v>35183.820500000002</v>
      </c>
      <c r="H41" s="52">
        <v>35183.820500000002</v>
      </c>
      <c r="I41" s="52">
        <v>35183.820500000002</v>
      </c>
      <c r="J41" s="52">
        <v>35183.820500000002</v>
      </c>
      <c r="K41" s="52">
        <v>35183.820500000002</v>
      </c>
      <c r="L41" s="52">
        <v>35183.820500000002</v>
      </c>
      <c r="M41" s="52">
        <v>35183.820500000002</v>
      </c>
      <c r="N41" s="52">
        <v>35183.820500000002</v>
      </c>
      <c r="O41" s="52">
        <v>35183.820500000002</v>
      </c>
      <c r="P41" s="52">
        <v>35183.820500000002</v>
      </c>
      <c r="Q41" s="52">
        <v>35183.820500000002</v>
      </c>
      <c r="R41" s="52">
        <v>35183.820500000002</v>
      </c>
      <c r="S41" s="52">
        <v>35183.820500000002</v>
      </c>
      <c r="T41" s="52">
        <v>35183.820500000002</v>
      </c>
      <c r="U41" s="52">
        <v>35183.820500000002</v>
      </c>
      <c r="V41" s="52">
        <v>2394973.4796923334</v>
      </c>
    </row>
    <row r="42" spans="1:22">
      <c r="A42" s="45" t="s">
        <v>80</v>
      </c>
      <c r="B42" s="45"/>
      <c r="C42" s="53">
        <v>35183.820500000002</v>
      </c>
      <c r="D42" s="53">
        <v>35183.820500000002</v>
      </c>
      <c r="E42" s="53">
        <v>35183.820500000002</v>
      </c>
      <c r="F42" s="53">
        <v>35183.820500000002</v>
      </c>
      <c r="G42" s="53">
        <v>35183.820500000002</v>
      </c>
      <c r="H42" s="53">
        <v>35183.820500000002</v>
      </c>
      <c r="I42" s="53">
        <v>35183.820500000002</v>
      </c>
      <c r="J42" s="53">
        <v>35183.820500000002</v>
      </c>
      <c r="K42" s="53">
        <v>35183.820500000002</v>
      </c>
      <c r="L42" s="53">
        <v>35183.820500000002</v>
      </c>
      <c r="M42" s="53">
        <v>35183.820500000002</v>
      </c>
      <c r="N42" s="53">
        <v>35183.820500000002</v>
      </c>
      <c r="O42" s="53">
        <v>35183.820500000002</v>
      </c>
      <c r="P42" s="53">
        <v>35183.820500000002</v>
      </c>
      <c r="Q42" s="53">
        <v>35183.820500000002</v>
      </c>
      <c r="R42" s="53">
        <v>35183.820500000002</v>
      </c>
      <c r="S42" s="53">
        <v>35183.820500000002</v>
      </c>
      <c r="T42" s="53">
        <v>35183.820500000002</v>
      </c>
      <c r="U42" s="53">
        <v>35183.820500000002</v>
      </c>
      <c r="V42" s="53">
        <v>2392429.4263590002</v>
      </c>
    </row>
    <row r="43" spans="1:22">
      <c r="A43" s="51" t="s">
        <v>81</v>
      </c>
      <c r="B43" s="51"/>
      <c r="C43" s="51">
        <v>0</v>
      </c>
      <c r="D43" s="51">
        <v>0</v>
      </c>
      <c r="E43" s="51">
        <v>0</v>
      </c>
      <c r="F43" s="51">
        <v>0</v>
      </c>
      <c r="G43" s="51">
        <v>0</v>
      </c>
      <c r="H43" s="51">
        <v>0</v>
      </c>
      <c r="I43" s="51">
        <v>0</v>
      </c>
      <c r="J43" s="51">
        <v>0</v>
      </c>
      <c r="K43" s="51">
        <v>0</v>
      </c>
      <c r="L43" s="52">
        <v>0</v>
      </c>
      <c r="M43" s="51">
        <v>0</v>
      </c>
      <c r="N43" s="51">
        <v>0</v>
      </c>
      <c r="O43" s="51">
        <v>0</v>
      </c>
      <c r="P43" s="51">
        <v>0</v>
      </c>
      <c r="Q43" s="51">
        <v>0</v>
      </c>
      <c r="R43" s="51">
        <v>0</v>
      </c>
      <c r="S43" s="51">
        <v>0</v>
      </c>
      <c r="T43" s="51">
        <v>0</v>
      </c>
      <c r="U43" s="51">
        <v>0</v>
      </c>
      <c r="V43" s="51">
        <v>2544.0533333333337</v>
      </c>
    </row>
    <row r="44" spans="1:22">
      <c r="A44" s="45"/>
      <c r="B44" s="45"/>
      <c r="C44" s="45"/>
      <c r="D44" s="45"/>
      <c r="E44" s="45"/>
      <c r="F44" s="45"/>
      <c r="G44" s="45"/>
      <c r="H44" s="45"/>
      <c r="I44" s="45"/>
      <c r="J44" s="45"/>
      <c r="K44" s="45"/>
      <c r="L44" s="45"/>
      <c r="M44" s="45"/>
      <c r="N44" s="45"/>
      <c r="O44" s="45"/>
      <c r="P44" s="45"/>
      <c r="Q44" s="45"/>
      <c r="R44" s="45"/>
      <c r="S44" s="45"/>
      <c r="T44" s="45"/>
      <c r="U44" s="45"/>
      <c r="V44" s="45"/>
    </row>
    <row r="45" spans="1:22">
      <c r="A45" s="59" t="s">
        <v>82</v>
      </c>
      <c r="B45" s="60">
        <v>-3709716.3473214689</v>
      </c>
      <c r="C45" s="60">
        <v>256457.99734977444</v>
      </c>
      <c r="D45" s="60">
        <v>252382.54591497415</v>
      </c>
      <c r="E45" s="60">
        <v>344925.78026457422</v>
      </c>
      <c r="F45" s="60">
        <v>498665.55306457437</v>
      </c>
      <c r="G45" s="60">
        <v>577365.26586457435</v>
      </c>
      <c r="H45" s="60">
        <v>442157.10955783422</v>
      </c>
      <c r="I45" s="60">
        <v>431883.38879263424</v>
      </c>
      <c r="J45" s="60">
        <v>423504.86894303444</v>
      </c>
      <c r="K45" s="60">
        <v>421981.28814303433</v>
      </c>
      <c r="L45" s="60">
        <v>319461.28814303433</v>
      </c>
      <c r="M45" s="60">
        <v>359376.26962823421</v>
      </c>
      <c r="N45" s="60">
        <v>299006.70539343415</v>
      </c>
      <c r="O45" s="60">
        <v>335255.82694303419</v>
      </c>
      <c r="P45" s="60">
        <v>432701.48694303434</v>
      </c>
      <c r="Q45" s="60">
        <v>447627.08694303432</v>
      </c>
      <c r="R45" s="60">
        <v>442157.10955783422</v>
      </c>
      <c r="S45" s="60">
        <v>431883.38879263424</v>
      </c>
      <c r="T45" s="60">
        <v>423504.86894303444</v>
      </c>
      <c r="U45" s="60">
        <v>421981.28814303433</v>
      </c>
      <c r="V45" s="60">
        <v>2861025.2001168355</v>
      </c>
    </row>
    <row r="46" spans="1:22">
      <c r="A46" s="45"/>
      <c r="B46" s="45"/>
      <c r="C46" s="53"/>
      <c r="D46" s="53"/>
      <c r="E46" s="53"/>
      <c r="F46" s="53"/>
      <c r="G46" s="53"/>
      <c r="H46" s="53"/>
      <c r="I46" s="53"/>
      <c r="J46" s="53"/>
      <c r="K46" s="53"/>
      <c r="L46" s="53"/>
      <c r="M46" s="53"/>
      <c r="N46" s="53"/>
      <c r="O46" s="53"/>
      <c r="P46" s="53"/>
      <c r="Q46" s="53"/>
      <c r="R46" s="53"/>
      <c r="S46" s="53"/>
      <c r="T46" s="53"/>
      <c r="U46" s="53"/>
      <c r="V46" s="53"/>
    </row>
    <row r="47" spans="1:22">
      <c r="A47" s="39"/>
      <c r="B47" s="45"/>
      <c r="C47" s="45"/>
      <c r="D47" s="45"/>
      <c r="E47" s="45"/>
      <c r="F47" s="45"/>
      <c r="G47" s="45"/>
      <c r="H47" s="45"/>
      <c r="I47" s="45"/>
      <c r="J47" s="45"/>
      <c r="K47" s="45"/>
      <c r="L47" s="45"/>
      <c r="M47" s="45"/>
      <c r="N47" s="45"/>
      <c r="O47" s="45"/>
      <c r="P47" s="45"/>
      <c r="Q47" s="45"/>
      <c r="R47" s="45"/>
      <c r="S47" s="45"/>
      <c r="T47" s="45"/>
      <c r="U47" s="45"/>
      <c r="V47" s="45"/>
    </row>
    <row r="48" spans="1:22">
      <c r="A48" s="45"/>
      <c r="B48" s="45"/>
      <c r="C48" s="45"/>
      <c r="D48" s="45"/>
      <c r="E48" s="45"/>
      <c r="F48" s="45"/>
      <c r="G48" s="45"/>
      <c r="H48" s="45"/>
      <c r="I48" s="45"/>
      <c r="J48" s="45"/>
      <c r="K48" s="45"/>
      <c r="L48" s="45"/>
      <c r="M48" s="45"/>
      <c r="N48" s="45"/>
      <c r="O48" s="45"/>
      <c r="P48" s="45"/>
      <c r="Q48" s="45"/>
      <c r="R48" s="45"/>
      <c r="S48" s="45"/>
      <c r="T48" s="45"/>
      <c r="U48" s="45"/>
      <c r="V48" s="45"/>
    </row>
    <row r="49" spans="1:22" ht="12" thickBot="1"/>
    <row r="50" spans="1:22" ht="16.5" thickBot="1">
      <c r="A50" s="184" t="s">
        <v>57</v>
      </c>
      <c r="B50" s="185">
        <v>9.8500000000000004E-2</v>
      </c>
      <c r="C50" s="45"/>
      <c r="D50" s="45"/>
      <c r="E50" s="45"/>
      <c r="F50" s="45"/>
      <c r="G50" s="45"/>
      <c r="H50" s="45"/>
      <c r="I50" s="45"/>
      <c r="J50" s="45"/>
      <c r="K50" s="45"/>
      <c r="L50" s="45"/>
      <c r="M50" s="45"/>
      <c r="N50" s="45"/>
      <c r="O50" s="45"/>
      <c r="P50" s="45"/>
      <c r="Q50" s="45"/>
      <c r="R50" s="45"/>
      <c r="S50" s="45"/>
      <c r="T50" s="45"/>
      <c r="U50" s="45"/>
      <c r="V50" s="45"/>
    </row>
    <row r="51" spans="1:22">
      <c r="A51" s="45"/>
      <c r="B51" s="62"/>
      <c r="C51" s="45"/>
      <c r="D51" s="45"/>
      <c r="E51" s="45"/>
      <c r="F51" s="45"/>
      <c r="G51" s="45"/>
      <c r="H51" s="45"/>
      <c r="I51" s="45"/>
      <c r="J51" s="45"/>
      <c r="K51" s="45"/>
      <c r="L51" s="45"/>
      <c r="M51" s="63"/>
      <c r="N51" s="45"/>
      <c r="O51" s="45"/>
      <c r="P51" s="45"/>
      <c r="Q51" s="45"/>
      <c r="R51" s="45"/>
      <c r="S51" s="45"/>
      <c r="T51" s="45"/>
      <c r="U51" s="45"/>
      <c r="V51" s="45"/>
    </row>
    <row r="52" spans="1:22">
      <c r="A52" s="45"/>
      <c r="B52" s="62"/>
      <c r="C52" s="45"/>
      <c r="D52" s="45"/>
      <c r="E52" s="45"/>
      <c r="F52" s="45"/>
      <c r="G52" s="45"/>
      <c r="H52" s="45"/>
      <c r="I52" s="45"/>
      <c r="J52" s="45"/>
      <c r="K52" s="45"/>
      <c r="L52" s="45"/>
      <c r="M52" s="63"/>
      <c r="N52" s="45"/>
      <c r="O52" s="45"/>
      <c r="P52" s="45"/>
      <c r="Q52" s="45"/>
      <c r="R52" s="45"/>
      <c r="S52" s="45"/>
      <c r="T52" s="45"/>
      <c r="U52" s="45"/>
      <c r="V52" s="45"/>
    </row>
    <row r="53" spans="1:22">
      <c r="A53" s="45"/>
      <c r="B53" s="45"/>
      <c r="C53" s="45"/>
      <c r="D53" s="45"/>
      <c r="E53" s="45"/>
      <c r="F53" s="45"/>
      <c r="G53" s="45"/>
      <c r="H53" s="45"/>
      <c r="I53" s="45"/>
      <c r="J53" s="45"/>
      <c r="K53" s="45"/>
      <c r="L53" s="45"/>
      <c r="M53" s="45"/>
      <c r="N53" s="45"/>
      <c r="O53" s="45"/>
      <c r="P53" s="45"/>
      <c r="Q53" s="45"/>
      <c r="R53" s="45"/>
      <c r="S53" s="45"/>
      <c r="T53" s="45"/>
      <c r="U53" s="45"/>
      <c r="V53" s="45"/>
    </row>
    <row r="54" spans="1:22" ht="18">
      <c r="A54" s="183" t="s">
        <v>155</v>
      </c>
      <c r="B54" s="45"/>
      <c r="C54" s="45"/>
      <c r="D54" s="45"/>
      <c r="E54" s="45"/>
      <c r="F54" s="45"/>
      <c r="G54" s="45"/>
      <c r="H54" s="45"/>
      <c r="I54" s="45"/>
      <c r="J54" s="45"/>
      <c r="K54" s="45"/>
      <c r="L54" s="45"/>
      <c r="M54" s="45"/>
      <c r="N54" s="45"/>
      <c r="O54" s="45"/>
      <c r="P54" s="45"/>
      <c r="Q54" s="45"/>
      <c r="R54" s="45"/>
      <c r="S54" s="45"/>
      <c r="T54" s="45"/>
      <c r="U54" s="45"/>
      <c r="V54" s="45"/>
    </row>
    <row r="55" spans="1:22">
      <c r="A55" s="64" t="s">
        <v>83</v>
      </c>
      <c r="B55" s="65"/>
      <c r="C55" s="66">
        <v>563353.27029433334</v>
      </c>
      <c r="D55" s="67">
        <v>759141.01607433334</v>
      </c>
      <c r="E55" s="67">
        <v>949354.6415143332</v>
      </c>
      <c r="F55" s="67">
        <v>1119406.6815143332</v>
      </c>
      <c r="G55" s="67">
        <v>1284977.6015143332</v>
      </c>
      <c r="H55" s="67">
        <v>887306.55355333316</v>
      </c>
      <c r="I55" s="67">
        <v>857089.7277733332</v>
      </c>
      <c r="J55" s="67">
        <v>832447.02233333315</v>
      </c>
      <c r="K55" s="67">
        <v>827965.90233333316</v>
      </c>
      <c r="L55" s="67">
        <v>849965.90233333316</v>
      </c>
      <c r="M55" s="67">
        <v>866054.07111333311</v>
      </c>
      <c r="N55" s="67">
        <v>896270.89689333318</v>
      </c>
      <c r="O55" s="67">
        <v>920913.60233333311</v>
      </c>
      <c r="P55" s="67">
        <v>925394.72233333311</v>
      </c>
      <c r="Q55" s="67">
        <v>903394.72233333322</v>
      </c>
      <c r="R55" s="67">
        <v>887306.55355333316</v>
      </c>
      <c r="S55" s="67">
        <v>857089.7277733332</v>
      </c>
      <c r="T55" s="67">
        <v>832447.02233333315</v>
      </c>
      <c r="U55" s="67">
        <v>827965.90233333316</v>
      </c>
      <c r="V55" s="68">
        <v>827965.90233333316</v>
      </c>
    </row>
    <row r="56" spans="1:22">
      <c r="A56" s="69" t="s">
        <v>84</v>
      </c>
      <c r="B56" s="70"/>
      <c r="C56" s="72">
        <v>533953.7991810001</v>
      </c>
      <c r="D56" s="72">
        <v>699524.71918100002</v>
      </c>
      <c r="E56" s="72">
        <v>865095.63918099995</v>
      </c>
      <c r="F56" s="72">
        <v>1030666.5591809999</v>
      </c>
      <c r="G56" s="72">
        <v>1196237.4791809998</v>
      </c>
      <c r="H56" s="72">
        <v>827854.59999999986</v>
      </c>
      <c r="I56" s="72">
        <v>827854.59999999986</v>
      </c>
      <c r="J56" s="72">
        <v>827854.59999999986</v>
      </c>
      <c r="K56" s="72">
        <v>827854.59999999986</v>
      </c>
      <c r="L56" s="72">
        <v>827854.59999999986</v>
      </c>
      <c r="M56" s="72">
        <v>827854.59999999986</v>
      </c>
      <c r="N56" s="72">
        <v>827854.59999999986</v>
      </c>
      <c r="O56" s="72">
        <v>827854.59999999986</v>
      </c>
      <c r="P56" s="72">
        <v>827854.59999999986</v>
      </c>
      <c r="Q56" s="72">
        <v>827854.59999999986</v>
      </c>
      <c r="R56" s="72">
        <v>827854.59999999986</v>
      </c>
      <c r="S56" s="72">
        <v>827854.59999999986</v>
      </c>
      <c r="T56" s="72">
        <v>827854.59999999986</v>
      </c>
      <c r="U56" s="72">
        <v>827854.59999999986</v>
      </c>
      <c r="V56" s="73">
        <v>827854.59999999986</v>
      </c>
    </row>
    <row r="57" spans="1:22">
      <c r="A57" s="74" t="s">
        <v>85</v>
      </c>
      <c r="B57" s="45"/>
      <c r="C57" s="48">
        <v>111.30233333333334</v>
      </c>
      <c r="D57" s="48">
        <v>111.30233333333334</v>
      </c>
      <c r="E57" s="48">
        <v>111.30233333333334</v>
      </c>
      <c r="F57" s="48">
        <v>111.30233333333334</v>
      </c>
      <c r="G57" s="48">
        <v>111.30233333333334</v>
      </c>
      <c r="H57" s="48">
        <v>111.30233333333334</v>
      </c>
      <c r="I57" s="48">
        <v>111.30233333333334</v>
      </c>
      <c r="J57" s="48">
        <v>111.30233333333334</v>
      </c>
      <c r="K57" s="48">
        <v>111.30233333333334</v>
      </c>
      <c r="L57" s="48">
        <v>111.30233333333334</v>
      </c>
      <c r="M57" s="48">
        <v>111.30233333333334</v>
      </c>
      <c r="N57" s="48">
        <v>111.30233333333334</v>
      </c>
      <c r="O57" s="48">
        <v>111.30233333333334</v>
      </c>
      <c r="P57" s="48">
        <v>111.30233333333334</v>
      </c>
      <c r="Q57" s="48">
        <v>111.30233333333334</v>
      </c>
      <c r="R57" s="48">
        <v>111.30233333333334</v>
      </c>
      <c r="S57" s="48">
        <v>111.30233333333334</v>
      </c>
      <c r="T57" s="48">
        <v>111.30233333333334</v>
      </c>
      <c r="U57" s="48">
        <v>111.30233333333334</v>
      </c>
      <c r="V57" s="48">
        <v>111.30233333333334</v>
      </c>
    </row>
    <row r="58" spans="1:22">
      <c r="A58" s="77" t="s">
        <v>86</v>
      </c>
      <c r="B58" s="78"/>
      <c r="C58" s="80">
        <v>29288.16878</v>
      </c>
      <c r="D58" s="80">
        <v>59504.994560000006</v>
      </c>
      <c r="E58" s="80">
        <v>84147.700000000012</v>
      </c>
      <c r="F58" s="80">
        <v>88628.82</v>
      </c>
      <c r="G58" s="80">
        <v>88628.82</v>
      </c>
      <c r="H58" s="80">
        <v>59340.651220000007</v>
      </c>
      <c r="I58" s="80">
        <v>29123.825440000001</v>
      </c>
      <c r="J58" s="80">
        <v>4481.12</v>
      </c>
      <c r="K58" s="80">
        <v>0</v>
      </c>
      <c r="L58" s="80">
        <v>22000</v>
      </c>
      <c r="M58" s="80">
        <v>38088.16878</v>
      </c>
      <c r="N58" s="80">
        <v>68304.994560000006</v>
      </c>
      <c r="O58" s="80">
        <v>92947.700000000012</v>
      </c>
      <c r="P58" s="80">
        <v>97428.819999999992</v>
      </c>
      <c r="Q58" s="80">
        <v>75428.820000000007</v>
      </c>
      <c r="R58" s="80">
        <v>59340.65122</v>
      </c>
      <c r="S58" s="80">
        <v>29123.825440000001</v>
      </c>
      <c r="T58" s="80">
        <v>4481.12</v>
      </c>
      <c r="U58" s="80">
        <v>0</v>
      </c>
      <c r="V58" s="81">
        <v>0</v>
      </c>
    </row>
    <row r="88" spans="11:11" ht="12.75">
      <c r="K88" s="172" t="s">
        <v>170</v>
      </c>
    </row>
  </sheetData>
  <pageMargins left="0.19685039370078741" right="0.19685039370078741" top="0.19685039370078741" bottom="0.19685039370078741" header="0.31496062992125984" footer="0.31496062992125984"/>
  <pageSetup paperSize="9" scale="55" fitToWidth="2" orientation="landscape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Planilhas</vt:lpstr>
      </vt:variant>
      <vt:variant>
        <vt:i4>16</vt:i4>
      </vt:variant>
      <vt:variant>
        <vt:lpstr>Intervalos nomeados</vt:lpstr>
      </vt:variant>
      <vt:variant>
        <vt:i4>24</vt:i4>
      </vt:variant>
    </vt:vector>
  </HeadingPairs>
  <TitlesOfParts>
    <vt:vector size="40" baseType="lpstr">
      <vt:lpstr>CAPA</vt:lpstr>
      <vt:lpstr>SUMÁRIO</vt:lpstr>
      <vt:lpstr>INVESTIMENTO</vt:lpstr>
      <vt:lpstr>MINI</vt:lpstr>
      <vt:lpstr>MIDI</vt:lpstr>
      <vt:lpstr>BÁSICO</vt:lpstr>
      <vt:lpstr>PADRON</vt:lpstr>
      <vt:lpstr>PADRON 15m</vt:lpstr>
      <vt:lpstr>ARTICULADO</vt:lpstr>
      <vt:lpstr>ARTICULADO 21</vt:lpstr>
      <vt:lpstr>ARTICULADO 23</vt:lpstr>
      <vt:lpstr>BIARTICULADO</vt:lpstr>
      <vt:lpstr>TROLEBUS</vt:lpstr>
      <vt:lpstr>TROLEBUS 15M</vt:lpstr>
      <vt:lpstr>TROLEBUS 15M BATERIA</vt:lpstr>
      <vt:lpstr>AUXILIAR FLUXO DE CAIXA</vt:lpstr>
      <vt:lpstr>ARTICULADO!Area_de_impressao</vt:lpstr>
      <vt:lpstr>'ARTICULADO 21'!Area_de_impressao</vt:lpstr>
      <vt:lpstr>'ARTICULADO 23'!Area_de_impressao</vt:lpstr>
      <vt:lpstr>'AUXILIAR FLUXO DE CAIXA'!Area_de_impressao</vt:lpstr>
      <vt:lpstr>BÁSICO!Area_de_impressao</vt:lpstr>
      <vt:lpstr>BIARTICULADO!Area_de_impressao</vt:lpstr>
      <vt:lpstr>INVESTIMENTO!Area_de_impressao</vt:lpstr>
      <vt:lpstr>MIDI!Area_de_impressao</vt:lpstr>
      <vt:lpstr>MINI!Area_de_impressao</vt:lpstr>
      <vt:lpstr>PADRON!Area_de_impressao</vt:lpstr>
      <vt:lpstr>'PADRON 15m'!Area_de_impressao</vt:lpstr>
      <vt:lpstr>SUMÁRIO!Area_de_impressao</vt:lpstr>
      <vt:lpstr>TROLEBUS!Area_de_impressao</vt:lpstr>
      <vt:lpstr>'TROLEBUS 15M'!Area_de_impressao</vt:lpstr>
      <vt:lpstr>'TROLEBUS 15M BATERIA'!Area_de_impressao</vt:lpstr>
      <vt:lpstr>ARTICULADO!Titulos_de_impressao</vt:lpstr>
      <vt:lpstr>'ARTICULADO 21'!Titulos_de_impressao</vt:lpstr>
      <vt:lpstr>'ARTICULADO 23'!Titulos_de_impressao</vt:lpstr>
      <vt:lpstr>BÁSICO!Titulos_de_impressao</vt:lpstr>
      <vt:lpstr>BIARTICULADO!Titulos_de_impressao</vt:lpstr>
      <vt:lpstr>MIDI!Titulos_de_impressao</vt:lpstr>
      <vt:lpstr>MINI!Titulos_de_impressao</vt:lpstr>
      <vt:lpstr>PADRON!Titulos_de_impressao</vt:lpstr>
      <vt:lpstr>'PADRON 15m'!Titulos_de_impressao</vt:lpstr>
    </vt:vector>
  </TitlesOfParts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ocumentos</dc:creator>
  <cp:lastModifiedBy>s1240498</cp:lastModifiedBy>
  <cp:lastPrinted>2018-04-23T19:05:41Z</cp:lastPrinted>
  <dcterms:created xsi:type="dcterms:W3CDTF">2018-04-21T17:55:11Z</dcterms:created>
  <dcterms:modified xsi:type="dcterms:W3CDTF">2018-04-23T19:06:52Z</dcterms:modified>
</cp:coreProperties>
</file>